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v="urn:schemas-microsoft-com:vml" xmlns:wp="http://schemas.openxmlformats.org/drawingml/2006/wordprocessingDrawing" xmlns:w10="urn:schemas-microsoft-com:office:word" xmlns:w="http://schemas.openxmlformats.org/wordprocessingml/2006/main">
  <w:body>
    <w:p>
      <w:pPr/>
      <w:r>
        <w:rPr>
          <w:rFonts w:ascii="Helvetica Light" w:hAnsi="Helvetica Light" w:cs="Helvetica Light"/>
          <w:sz w:val="24"/>
          <w:sz-cs w:val="24"/>
        </w:rPr>
        <w:t xml:space="preserve">–œ‡°±·&gt;˛ˇ</w:t>
        <w:tab/>
        <w:t xml:space="preserve">èë˛ˇˇˇH LêñÄÄ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hc‡</w:t>
        <w:tab/>
        <w:t xml:space="preserve">eúœ€»D|TTT</w:t>
      </w:r>
    </w:p>
    <w:p>
      <w:pPr/>
      <w:r>
        <w:rPr>
          <w:rFonts w:ascii="Helvetica Light" w:hAnsi="Helvetica Light" w:cs="Helvetica Light"/>
          <w:sz w:val="24"/>
          <w:sz-cs w:val="24"/>
        </w:rPr>
        <w:t xml:space="preserve">^</w:t>
        <w:br w:type="page"/>
        <w:t xml:space="preserve">jjjî˛˛˛˛˛PNd¨˛i{X”Gjjmjjjjw√bÏ</w:t>
      </w:r>
    </w:p>
    <w:p>
      <w:pPr/>
      <w:r>
        <w:rPr>
          <w:rFonts w:ascii="Helvetica Light" w:hAnsi="Helvetica Light" w:cs="Helvetica Light"/>
          <w:sz w:val="24"/>
          <w:sz-cs w:val="24"/>
        </w:rPr>
        <w:t xml:space="preserve">ø˛˛jjjj</w:t>
        <w:tab/>
        <w:t xml:space="preserve"/>
        <w:tab/>
        <w:t xml:space="preserve"/>
        <w:tab/>
        <w:t xml:space="preserve"/>
        <w:tab/>
        <w:t xml:space="preserve"/>
        <w:tab/>
        <w:t xml:space="preserve"/>
        <w:tab/>
        <w:t xml:space="preserve">KEY:</w:t>
        <w:tab/>
        <w:t xml:space="preserve">JF - Josey Fisher [interviewer]</w:t>
      </w:r>
    </w:p>
    <w:p>
      <w:pPr/>
      <w:r>
        <w:rPr>
          <w:rFonts w:ascii="Helvetica Light" w:hAnsi="Helvetica Light" w:cs="Helvetica Light"/>
          <w:sz w:val="24"/>
          <w:sz-cs w:val="24"/>
        </w:rPr>
        <w:t xml:space="preserve"/>
        <w:tab/>
        <w:t xml:space="preserve"/>
        <w:tab/>
        <w:t xml:space="preserve"/>
        <w:tab/>
        <w:t xml:space="preserve"/>
        <w:tab/>
        <w:t xml:space="preserve"/>
        <w:tab/>
        <w:t xml:space="preserve"/>
        <w:tab/>
        <w:t xml:space="preserve"/>
        <w:tab/>
        <w:t xml:space="preserve">MT - Marian Turzanski [interviewee]</w:t>
      </w:r>
    </w:p>
    <w:p>
      <w:pPr/>
      <w:r>
        <w:rPr>
          <w:rFonts w:ascii="Helvetica Light" w:hAnsi="Helvetica Light" w:cs="Helvetica Light"/>
          <w:sz w:val="24"/>
          <w:sz-cs w:val="24"/>
        </w:rPr>
        <w:t xml:space="preserve"/>
        <w:tab/>
        <w:t xml:space="preserve"/>
        <w:tab/>
        <w:t xml:space="preserve"/>
        <w:tab/>
        <w:t xml:space="preserve"/>
        <w:tab/>
        <w:t xml:space="preserve"/>
        <w:tab/>
        <w:t xml:space="preserve"/>
        <w:tab/>
        <w:t xml:space="preserve"/>
        <w:tab/>
        <w:t xml:space="preserve">Interview Date - December 28, 1983</w:t>
      </w:r>
    </w:p>
    <w:p>
      <w:pPr/>
      <w:r>
        <w:rPr>
          <w:rFonts w:ascii="Helvetica Light" w:hAnsi="Helvetica Light" w:cs="Helvetica Light"/>
          <w:sz w:val="24"/>
          <w:sz-cs w:val="24"/>
        </w:rPr>
        <w:t xml:space="preserve"/>
        <w:tab/>
        <w:t xml:space="preserve">Tape one, side one:</w:t>
      </w:r>
    </w:p>
    <w:p>
      <w:pPr/>
      <w:r>
        <w:rPr>
          <w:rFonts w:ascii="Helvetica Light" w:hAnsi="Helvetica Light" w:cs="Helvetica Light"/>
          <w:sz w:val="24"/>
          <w:sz-cs w:val="24"/>
        </w:rPr>
        <w:t xml:space="preserve"/>
        <w:tab/>
        <w:t xml:space="preserve">JF:</w:t>
        <w:tab/>
        <w:t xml:space="preserve">Mr. Turzanski, can you tell us where and when you were born, and a little bit about your childhood?</w:t>
      </w:r>
    </w:p>
    <w:p>
      <w:pPr/>
      <w:r>
        <w:rPr>
          <w:rFonts w:ascii="Helvetica Light" w:hAnsi="Helvetica Light" w:cs="Helvetica Light"/>
          <w:sz w:val="24"/>
          <w:sz-cs w:val="24"/>
        </w:rPr>
        <w:t xml:space="preserve"/>
        <w:tab/>
        <w:t xml:space="preserve">MT:</w:t>
        <w:tab/>
        <w:t xml:space="preserve">I was born in Poland, southeast part of Poland, now taken by Russia, on January 18, 1934.</w:t>
      </w:r>
    </w:p>
    <w:p>
      <w:pPr/>
      <w:r>
        <w:rPr>
          <w:rFonts w:ascii="Helvetica Light" w:hAnsi="Helvetica Light" w:cs="Helvetica Light"/>
          <w:sz w:val="24"/>
          <w:sz-cs w:val="24"/>
        </w:rPr>
        <w:t xml:space="preserve"/>
        <w:tab/>
        <w:t xml:space="preserve">JF:</w:t>
        <w:tab/>
        <w:t xml:space="preserve">What was the name of the town?</w:t>
      </w:r>
    </w:p>
    <w:p>
      <w:pPr/>
      <w:r>
        <w:rPr>
          <w:rFonts w:ascii="Helvetica Light" w:hAnsi="Helvetica Light" w:cs="Helvetica Light"/>
          <w:sz w:val="24"/>
          <w:sz-cs w:val="24"/>
        </w:rPr>
        <w:t xml:space="preserve"/>
        <w:tab/>
        <w:t xml:space="preserve">MT:</w:t>
        <w:tab/>
        <w:t xml:space="preserve">Zupanie, it was a village. Z-U-P-A-N-I-E. Zupanie. My parents were wealthy in Poland. They had quite a bit of land, forest, and the village consisted of about ten Polish families, I think they were all Catholic families, three Jewish families, and they were the business-oriented families in the community.</w:t>
      </w:r>
    </w:p>
    <w:p>
      <w:pPr/>
      <w:r>
        <w:rPr>
          <w:rFonts w:ascii="Helvetica Light" w:hAnsi="Helvetica Light" w:cs="Helvetica Light"/>
          <w:sz w:val="24"/>
          <w:sz-cs w:val="24"/>
        </w:rPr>
        <w:t xml:space="preserve"/>
        <w:tab/>
        <w:t xml:space="preserve">JF:</w:t>
        <w:tab/>
        <w:t xml:space="preserve">The Jewish families were the business-oriented?</w:t>
      </w:r>
    </w:p>
    <w:p>
      <w:pPr/>
      <w:r>
        <w:rPr>
          <w:rFonts w:ascii="Helvetica Light" w:hAnsi="Helvetica Light" w:cs="Helvetica Light"/>
          <w:sz w:val="24"/>
          <w:sz-cs w:val="24"/>
        </w:rPr>
        <w:t xml:space="preserve"/>
        <w:tab/>
        <w:t xml:space="preserve">MT:</w:t>
        <w:tab/>
        <w:t xml:space="preserve">Business. They were the ones that were running the store and lumber yard, as far as I can remember, stories I heard about them.  And the rest of the community was a Polish minority, which were Ukrainians.  They were individuals that fought for their rights for many years, for centuries. They settled in Poland and they worked for my parents. They were not slaves, but they were the servants.</w:t>
      </w:r>
    </w:p>
    <w:p>
      <w:pPr/>
      <w:r>
        <w:rPr>
          <w:rFonts w:ascii="Helvetica Light" w:hAnsi="Helvetica Light" w:cs="Helvetica Light"/>
          <w:sz w:val="24"/>
          <w:sz-cs w:val="24"/>
        </w:rPr>
        <w:t xml:space="preserve"/>
        <w:tab/>
        <w:t xml:space="preserve">JF:</w:t>
        <w:tab/>
        <w:t xml:space="preserve">Your family, then, was one of the ten Polish Catholic families that held the primary holdings in the village?</w:t>
      </w:r>
    </w:p>
    <w:p>
      <w:pPr/>
      <w:r>
        <w:rPr>
          <w:rFonts w:ascii="Helvetica Light" w:hAnsi="Helvetica Light" w:cs="Helvetica Light"/>
          <w:sz w:val="24"/>
          <w:sz-cs w:val="24"/>
        </w:rPr>
        <w:t xml:space="preserve"/>
        <w:tab/>
        <w:t xml:space="preserve">MT:</w:t>
        <w:tab/>
        <w:t xml:space="preserve">Correct.</w:t>
      </w:r>
    </w:p>
    <w:p>
      <w:pPr/>
      <w:r>
        <w:rPr>
          <w:rFonts w:ascii="Helvetica Light" w:hAnsi="Helvetica Light" w:cs="Helvetica Light"/>
          <w:sz w:val="24"/>
          <w:sz-cs w:val="24"/>
        </w:rPr>
        <w:t xml:space="preserve"/>
        <w:tab/>
        <w:t xml:space="preserve">JF:</w:t>
        <w:tab/>
        <w:t xml:space="preserve">And was your father, then, the owner of this forest land that you are talking about?</w:t>
      </w:r>
    </w:p>
    <w:p>
      <w:pPr/>
      <w:r>
        <w:rPr>
          <w:rFonts w:ascii="Helvetica Light" w:hAnsi="Helvetica Light" w:cs="Helvetica Light"/>
          <w:sz w:val="24"/>
          <w:sz-cs w:val="24"/>
        </w:rPr>
        <w:t xml:space="preserve"/>
        <w:tab/>
        <w:t xml:space="preserve">MT:</w:t>
        <w:tab/>
        <w:t xml:space="preserve">That is correct. He had two mountains of forest ready to be cut down. One was a pine forest and another one was oak.</w:t>
      </w:r>
    </w:p>
    <w:p>
      <w:pPr/>
      <w:r>
        <w:rPr>
          <w:rFonts w:ascii="Helvetica Light" w:hAnsi="Helvetica Light" w:cs="Helvetica Light"/>
          <w:sz w:val="24"/>
          <w:sz-cs w:val="24"/>
        </w:rPr>
        <w:t xml:space="preserve"/>
        <w:tab/>
        <w:t xml:space="preserve">JF:</w:t>
        <w:tab/>
        <w:t xml:space="preserve">Had his forebears also lived on this land? Had they also been from this section?</w:t>
      </w:r>
    </w:p>
    <w:p>
      <w:pPr/>
      <w:r>
        <w:rPr>
          <w:rFonts w:ascii="Helvetica Light" w:hAnsi="Helvetica Light" w:cs="Helvetica Light"/>
          <w:sz w:val="24"/>
          <w:sz-cs w:val="24"/>
        </w:rPr>
        <w:t xml:space="preserve"/>
        <w:tab/>
        <w:t xml:space="preserve">MT:</w:t>
        <w:tab/>
        <w:t xml:space="preserve">Yes, and his father, unfortunately, died in the First World War in the Leipzig Camp in Germany. I donít know whether they called them concentration camps. It was also a camp. My father survived, so he came back as a 12-year-old boy.</w:t>
      </w:r>
    </w:p>
    <w:p>
      <w:pPr/>
      <w:r>
        <w:rPr>
          <w:rFonts w:ascii="Helvetica Light" w:hAnsi="Helvetica Light" w:cs="Helvetica Light"/>
          <w:sz w:val="24"/>
          <w:sz-cs w:val="24"/>
        </w:rPr>
        <w:t xml:space="preserve"/>
        <w:tab/>
        <w:t xml:space="preserve">JF:</w:t>
        <w:tab/>
        <w:t xml:space="preserve">He was in the camp also?</w:t>
      </w:r>
    </w:p>
    <w:p>
      <w:pPr/>
      <w:r>
        <w:rPr>
          <w:rFonts w:ascii="Helvetica Light" w:hAnsi="Helvetica Light" w:cs="Helvetica Light"/>
          <w:sz w:val="24"/>
          <w:sz-cs w:val="24"/>
        </w:rPr>
        <w:t xml:space="preserve"/>
        <w:tab/>
        <w:t xml:space="preserve">MT:</w:t>
        <w:tab/>
        <w:t xml:space="preserve">Yes.</w:t>
      </w:r>
    </w:p>
    <w:p>
      <w:pPr/>
      <w:r>
        <w:rPr>
          <w:rFonts w:ascii="Helvetica Light" w:hAnsi="Helvetica Light" w:cs="Helvetica Light"/>
          <w:sz w:val="24"/>
          <w:sz-cs w:val="24"/>
        </w:rPr>
        <w:t xml:space="preserve"/>
        <w:tab/>
        <w:t xml:space="preserve">JF:</w:t>
        <w:tab/>
        <w:t xml:space="preserve">Did he tell you of his experiences there?</w:t>
      </w:r>
    </w:p>
    <w:p>
      <w:pPr/>
      <w:r>
        <w:rPr>
          <w:rFonts w:ascii="Helvetica Light" w:hAnsi="Helvetica Light" w:cs="Helvetica Light"/>
          <w:sz w:val="24"/>
          <w:sz-cs w:val="24"/>
        </w:rPr>
        <w:t xml:space="preserve"/>
        <w:tab/>
        <w:t xml:space="preserve">MT:</w:t>
        <w:tab/>
        <w:t xml:space="preserve">Not too much, because each time I wanted to discuss it with him, it would choke him up. He felt very guilty about the whole thing that, as a l2-year-old boy, he should have done more than he did, because when they came back from the camp, back to Poland, whatever his father started, the neighbors took it from him.</w:t>
      </w:r>
    </w:p>
    <w:p>
      <w:pPr/>
      <w:r>
        <w:rPr>
          <w:rFonts w:ascii="Helvetica Light" w:hAnsi="Helvetica Light" w:cs="Helvetica Light"/>
          <w:sz w:val="24"/>
          <w:sz-cs w:val="24"/>
        </w:rPr>
        <w:t xml:space="preserve"/>
        <w:tab/>
        <w:t xml:space="preserve">JF:</w:t>
        <w:tab/>
        <w:t xml:space="preserve">The other large families in the town?</w:t>
      </w:r>
    </w:p>
    <w:p>
      <w:pPr/>
      <w:r>
        <w:rPr>
          <w:rFonts w:ascii="Helvetica Light" w:hAnsi="Helvetica Light" w:cs="Helvetica Light"/>
          <w:sz w:val="24"/>
          <w:sz-cs w:val="24"/>
        </w:rPr>
        <w:t xml:space="preserve"/>
        <w:tab/>
        <w:t xml:space="preserve">MT:</w:t>
        <w:tab/>
        <w:t xml:space="preserve">The other, whoever were, whoever needed lumber, his father started to build a house or something, whatever building they started, he said that within a short time all of it was gone.</w:t>
      </w:r>
    </w:p>
    <w:p>
      <w:pPr/>
      <w:r>
        <w:rPr>
          <w:rFonts w:ascii="Helvetica Light" w:hAnsi="Helvetica Light" w:cs="Helvetica Light"/>
          <w:sz w:val="24"/>
          <w:sz-cs w:val="24"/>
        </w:rPr>
        <w:t xml:space="preserve"/>
        <w:tab/>
        <w:t xml:space="preserve">JF:</w:t>
        <w:tab/>
        <w:t xml:space="preserve">Why, was the whole family in this camp in Leipzig?</w:t>
      </w:r>
    </w:p>
    <w:p>
      <w:pPr/>
      <w:r>
        <w:rPr>
          <w:rFonts w:ascii="Helvetica Light" w:hAnsi="Helvetica Light" w:cs="Helvetica Light"/>
          <w:sz w:val="24"/>
          <w:sz-cs w:val="24"/>
        </w:rPr>
        <w:t xml:space="preserve"/>
        <w:tab/>
        <w:t xml:space="preserve">MT:</w:t>
        <w:tab/>
        <w:t xml:space="preserve">Yes.</w:t>
      </w:r>
    </w:p>
    <w:p>
      <w:pPr/>
      <w:r>
        <w:rPr>
          <w:rFonts w:ascii="Helvetica Light" w:hAnsi="Helvetica Light" w:cs="Helvetica Light"/>
          <w:sz w:val="24"/>
          <w:sz-cs w:val="24"/>
        </w:rPr>
        <w:t xml:space="preserve"/>
        <w:tab/>
        <w:t xml:space="preserve">JF:</w:t>
        <w:tab/>
        <w:t xml:space="preserve">For what reason were they taken?</w:t>
      </w:r>
    </w:p>
    <w:p>
      <w:pPr/>
      <w:r>
        <w:rPr>
          <w:rFonts w:ascii="Helvetica Light" w:hAnsi="Helvetica Light" w:cs="Helvetica Light"/>
          <w:sz w:val="24"/>
          <w:sz-cs w:val="24"/>
        </w:rPr>
        <w:t xml:space="preserve"/>
        <w:tab/>
        <w:t xml:space="preserve">MT:</w:t>
        <w:tab/>
        <w:t xml:space="preserve">Well, because, again, they were the evils of the territory. They were Poles. Poland went through this each time there was a misunderstanding between Russia and Germany, or Eastern Germany needed to expand, or needed a corridor to move through. Poland was the corridor of Europe. They just walked back and forth.</w:t>
      </w:r>
    </w:p>
    <w:p>
      <w:pPr/>
      <w:r>
        <w:rPr>
          <w:rFonts w:ascii="Helvetica Light" w:hAnsi="Helvetica Light" w:cs="Helvetica Light"/>
          <w:sz w:val="24"/>
          <w:sz-cs w:val="24"/>
        </w:rPr>
        <w:t xml:space="preserve"/>
        <w:tab/>
        <w:t xml:space="preserve">JF:</w:t>
        <w:tab/>
        <w:t xml:space="preserve">Were other families like your grandfatherís family also incarcerated, or were you...</w:t>
      </w:r>
    </w:p>
    <w:p>
      <w:pPr/>
      <w:r>
        <w:rPr>
          <w:rFonts w:ascii="Helvetica Light" w:hAnsi="Helvetica Light" w:cs="Helvetica Light"/>
          <w:sz w:val="24"/>
          <w:sz-cs w:val="24"/>
        </w:rPr>
        <w:t xml:space="preserve"/>
        <w:tab/>
        <w:t xml:space="preserve">MT: </w:t>
        <w:tab/>
        <w:t xml:space="preserve">Yes, because they were actually a minority in their location. Not far from that village was another well-established community, Felicenthal [phonetic]. I think that they called it. It was a German colony. A lot of Germans had colonies in Poland in those days, and they were the-- not as much merchants as mechanics, etc. They were the people that would fix your equipment, farm equipment, and they would have the parts for it, and they would also supply the territory with certain shoes, and so forth. There were some wooden shoes used by some people, that the Germans were making and selling, so everybody was-- had a place, the way I see it, in that territory. They were well-organized; they had orchestras-- my father, when he got married, my parents, this was when they had the big blow-out, a German band and everything, etc.</w:t>
      </w:r>
    </w:p>
    <w:p>
      <w:pPr/>
      <w:r>
        <w:rPr>
          <w:rFonts w:ascii="Helvetica Light" w:hAnsi="Helvetica Light" w:cs="Helvetica Light"/>
          <w:sz w:val="24"/>
          <w:sz-cs w:val="24"/>
        </w:rPr>
        <w:t xml:space="preserve"/>
        <w:tab/>
        <w:t xml:space="preserve">JF:</w:t>
        <w:tab/>
        <w:t xml:space="preserve">And the Jewish families that you were familiar with were primarily these merchant families?</w:t>
      </w:r>
    </w:p>
    <w:p>
      <w:pPr/>
      <w:r>
        <w:rPr>
          <w:rFonts w:ascii="Helvetica Light" w:hAnsi="Helvetica Light" w:cs="Helvetica Light"/>
          <w:sz w:val="24"/>
          <w:sz-cs w:val="24"/>
        </w:rPr>
        <w:t xml:space="preserve"/>
        <w:tab/>
        <w:t xml:space="preserve">MT:</w:t>
        <w:tab/>
        <w:t xml:space="preserve">Yes.</w:t>
      </w:r>
    </w:p>
    <w:p>
      <w:pPr/>
      <w:r>
        <w:rPr>
          <w:rFonts w:ascii="Helvetica Light" w:hAnsi="Helvetica Light" w:cs="Helvetica Light"/>
          <w:sz w:val="24"/>
          <w:sz-cs w:val="24"/>
        </w:rPr>
        <w:t xml:space="preserve"/>
        <w:tab/>
        <w:t xml:space="preserve">JF:</w:t>
        <w:tab/>
        <w:t xml:space="preserve">The business families?</w:t>
      </w:r>
    </w:p>
    <w:p>
      <w:pPr/>
      <w:r>
        <w:rPr>
          <w:rFonts w:ascii="Helvetica Light" w:hAnsi="Helvetica Light" w:cs="Helvetica Light"/>
          <w:sz w:val="24"/>
          <w:sz-cs w:val="24"/>
        </w:rPr>
        <w:t xml:space="preserve"/>
        <w:tab/>
        <w:t xml:space="preserve">MT:</w:t>
        <w:tab/>
        <w:t xml:space="preserve">Families that were as well off as my parents were, Goldreich [phonetic] I heard quite a bit of when I was growing up, were the-- they had a lumber yard. They were right across the little creek from us, within eyesight. I remember seeing the place, and they were right next to the border patrol barracks. As a matter of fact, I asked my parents, my father and my mother--they are still alive, my father was just 80, he just celebrated his 80th birthday-- the story about Goldreich [phonetic] being hidden in our house. It was not during the German occupation, because we were out of it.</w:t>
      </w:r>
    </w:p>
    <w:p>
      <w:pPr/>
      <w:r>
        <w:rPr>
          <w:rFonts w:ascii="Helvetica Light" w:hAnsi="Helvetica Light" w:cs="Helvetica Light"/>
          <w:sz w:val="24"/>
          <w:sz-cs w:val="24"/>
        </w:rPr>
        <w:t xml:space="preserve"/>
        <w:tab/>
        <w:t xml:space="preserve">JF:</w:t>
        <w:tab/>
        <w:t xml:space="preserve">When was this?</w:t>
      </w:r>
    </w:p>
    <w:p>
      <w:pPr/>
      <w:r>
        <w:rPr>
          <w:rFonts w:ascii="Helvetica Light" w:hAnsi="Helvetica Light" w:cs="Helvetica Light"/>
          <w:sz w:val="24"/>
          <w:sz-cs w:val="24"/>
        </w:rPr>
        <w:t xml:space="preserve"/>
        <w:tab/>
        <w:t xml:space="preserve">MT: </w:t>
        <w:tab/>
        <w:t xml:space="preserve">It was when Poland was still free. He was involved in some kind of trade that was not quite legal and was not quite illegal, and my father, being a, not a mayor, only a recognized individual in the territory, he asked if he could stay there, and I think they gave him two weeks. For two weeks, if heís not caught or whatever, then he doesnít have to answer to the authorities for that.</w:t>
      </w:r>
    </w:p>
    <w:p>
      <w:pPr/>
      <w:r>
        <w:rPr>
          <w:rFonts w:ascii="Helvetica Light" w:hAnsi="Helvetica Light" w:cs="Helvetica Light"/>
          <w:sz w:val="24"/>
          <w:sz-cs w:val="24"/>
        </w:rPr>
        <w:t xml:space="preserve"/>
        <w:tab/>
        <w:t xml:space="preserve">JF:</w:t>
        <w:tab/>
        <w:t xml:space="preserve">This was the Polish authorities?</w:t>
      </w:r>
    </w:p>
    <w:p>
      <w:pPr/>
      <w:r>
        <w:rPr>
          <w:rFonts w:ascii="Helvetica Light" w:hAnsi="Helvetica Light" w:cs="Helvetica Light"/>
          <w:sz w:val="24"/>
          <w:sz-cs w:val="24"/>
        </w:rPr>
        <w:t xml:space="preserve"/>
        <w:tab/>
        <w:t xml:space="preserve">MT:</w:t>
        <w:tab/>
        <w:t xml:space="preserve">Yes, the border, something-- border. He did not have permission to trade across borders which he was doing, and was quite successful dealing with certain things: not selling arms or anything like that, it was some kind of a business deal-- sugar, horses, and things like that. Normal deals, but there was not a written contract, I think, for it, so the government could not get their tax.</w:t>
      </w:r>
    </w:p>
    <w:p>
      <w:pPr/>
      <w:r>
        <w:rPr>
          <w:rFonts w:ascii="Helvetica Light" w:hAnsi="Helvetica Light" w:cs="Helvetica Light"/>
          <w:sz w:val="24"/>
          <w:sz-cs w:val="24"/>
        </w:rPr>
        <w:t xml:space="preserve"/>
        <w:tab/>
        <w:t xml:space="preserve">JF:</w:t>
        <w:tab/>
        <w:t xml:space="preserve">I see.</w:t>
      </w:r>
    </w:p>
    <w:p>
      <w:pPr/>
      <w:r>
        <w:rPr>
          <w:rFonts w:ascii="Helvetica Light" w:hAnsi="Helvetica Light" w:cs="Helvetica Light"/>
          <w:sz w:val="24"/>
          <w:sz-cs w:val="24"/>
        </w:rPr>
        <w:t xml:space="preserve"/>
        <w:tab/>
        <w:t xml:space="preserve">MT:</w:t>
        <w:tab/>
        <w:t xml:space="preserve">He asked my father if he would do that, and he said, ìYou do realize that the border patrol is right across the street from us.î He said, ìYes, but they do look up to you.î He did.</w:t>
      </w:r>
    </w:p>
    <w:p>
      <w:pPr/>
      <w:r>
        <w:rPr>
          <w:rFonts w:ascii="Helvetica Light" w:hAnsi="Helvetica Light" w:cs="Helvetica Light"/>
          <w:sz w:val="24"/>
          <w:sz-cs w:val="24"/>
        </w:rPr>
        <w:t xml:space="preserve"/>
        <w:tab/>
        <w:t xml:space="preserve">JF:</w:t>
        <w:tab/>
        <w:t xml:space="preserve">So he and his family came.</w:t>
      </w:r>
    </w:p>
    <w:p>
      <w:pPr/>
      <w:r>
        <w:rPr>
          <w:rFonts w:ascii="Helvetica Light" w:hAnsi="Helvetica Light" w:cs="Helvetica Light"/>
          <w:sz w:val="24"/>
          <w:sz-cs w:val="24"/>
        </w:rPr>
        <w:t xml:space="preserve"/>
        <w:tab/>
        <w:t xml:space="preserve">MT:</w:t>
        <w:tab/>
        <w:t xml:space="preserve">No, just him, just him, and they asked him not to go back in those two weeks, because he can get caught going from my house by the border patrol that would look to your house at night. As a matter of fact, when he was staying at our house, the individuals were coming over for dinners and so forth, and the border patrols to our house also, so it was quite safe.</w:t>
      </w:r>
    </w:p>
    <w:p>
      <w:pPr/>
      <w:r>
        <w:rPr>
          <w:rFonts w:ascii="Helvetica Light" w:hAnsi="Helvetica Light" w:cs="Helvetica Light"/>
          <w:sz w:val="24"/>
          <w:sz-cs w:val="24"/>
        </w:rPr>
        <w:t xml:space="preserve"/>
        <w:tab/>
        <w:t xml:space="preserve">JF:</w:t>
        <w:tab/>
        <w:t xml:space="preserve">This was the border to...</w:t>
      </w:r>
    </w:p>
    <w:p>
      <w:pPr/>
      <w:r>
        <w:rPr>
          <w:rFonts w:ascii="Helvetica Light" w:hAnsi="Helvetica Light" w:cs="Helvetica Light"/>
          <w:sz w:val="24"/>
          <w:sz-cs w:val="24"/>
        </w:rPr>
        <w:t xml:space="preserve"/>
        <w:tab/>
        <w:t xml:space="preserve">MT:</w:t>
        <w:tab/>
        <w:t xml:space="preserve">Hungarian border. We were within about three and one half kilometers to Hungarian border which is what, like one and one half mile, not too far from the Hungarian border.</w:t>
      </w:r>
    </w:p>
    <w:p>
      <w:pPr/>
      <w:r>
        <w:rPr>
          <w:rFonts w:ascii="Helvetica Light" w:hAnsi="Helvetica Light" w:cs="Helvetica Light"/>
          <w:sz w:val="24"/>
          <w:sz-cs w:val="24"/>
        </w:rPr>
        <w:t xml:space="preserve"/>
        <w:tab/>
        <w:t xml:space="preserve">JF:</w:t>
        <w:tab/>
        <w:t xml:space="preserve">What was the relationship like, generally, with the Jewish families? Youíre talking about 13 families, which were essentially the primary economic base for this village. What was the...</w:t>
      </w:r>
    </w:p>
    <w:p>
      <w:pPr/>
      <w:r>
        <w:rPr>
          <w:rFonts w:ascii="Helvetica Light" w:hAnsi="Helvetica Light" w:cs="Helvetica Light"/>
          <w:sz w:val="24"/>
          <w:sz-cs w:val="24"/>
        </w:rPr>
        <w:t xml:space="preserve"/>
        <w:tab/>
        <w:t xml:space="preserve">MT:</w:t>
        <w:tab/>
        <w:t xml:space="preserve">I feel that they had very good organization and relationship, not co-existence, was  actually more than that. They supplied the territory with necessary things, so they were recognized as such. Poles had land. They always treasure land, like my father, he had land because of his ancestors. Ukrainians were the forgotten people, I would call now. There was no welfare in those days. They were not starving, but they had to work for their food and, as a matter of fact, kids would be sent out early in their life, like the girl, the woman that was taking care of us, I think she came to my parents, given by her parents, at age of 14, if they would please give her a job, which is working for [unclear]. I think she had it very enjoyable. I donít think we were that rotten.  I had three brothers. She was taking care of us; she was our governess. She was taking care of us, correcting our language and manners and keeping eye on us. My mother was a very brave young lady. She liked horses and she liked to ride an awful lot. It was against territorial wisdom, and when my father married her, that caused a lot of talk in the community.</w:t>
      </w:r>
    </w:p>
    <w:p>
      <w:pPr/>
      <w:r>
        <w:rPr>
          <w:rFonts w:ascii="Helvetica Light" w:hAnsi="Helvetica Light" w:cs="Helvetica Light"/>
          <w:sz w:val="24"/>
          <w:sz-cs w:val="24"/>
        </w:rPr>
        <w:t xml:space="preserve"/>
        <w:tab/>
        <w:t xml:space="preserve">JF:</w:t>
        <w:tab/>
        <w:t xml:space="preserve">Why was that?</w:t>
      </w:r>
    </w:p>
    <w:p>
      <w:pPr/>
      <w:r>
        <w:rPr>
          <w:rFonts w:ascii="Helvetica Light" w:hAnsi="Helvetica Light" w:cs="Helvetica Light"/>
          <w:sz w:val="24"/>
          <w:sz-cs w:val="24"/>
        </w:rPr>
        <w:t xml:space="preserve"/>
        <w:tab/>
        <w:t xml:space="preserve">MT:</w:t>
        <w:tab/>
        <w:t xml:space="preserve">Because he brought in a woman thatís modern. All she wants to do is just ride horses, and she was quite a woman.</w:t>
      </w:r>
    </w:p>
    <w:p>
      <w:pPr/>
      <w:r>
        <w:rPr>
          <w:rFonts w:ascii="Helvetica Light" w:hAnsi="Helvetica Light" w:cs="Helvetica Light"/>
          <w:sz w:val="24"/>
          <w:sz-cs w:val="24"/>
        </w:rPr>
        <w:t xml:space="preserve"/>
        <w:tab/>
        <w:t xml:space="preserve">JF:</w:t>
        <w:tab/>
        <w:t xml:space="preserve">She was from outside this territory?</w:t>
      </w:r>
    </w:p>
    <w:p>
      <w:pPr/>
      <w:r>
        <w:rPr>
          <w:rFonts w:ascii="Helvetica Light" w:hAnsi="Helvetica Light" w:cs="Helvetica Light"/>
          <w:sz w:val="24"/>
          <w:sz-cs w:val="24"/>
        </w:rPr>
        <w:t xml:space="preserve"/>
        <w:tab/>
        <w:t xml:space="preserve">MT:</w:t>
        <w:tab/>
        <w:t xml:space="preserve">Yes, yes, but later on she proved to be quite a brave woman during the war. So, then it came to September 20, 1939.</w:t>
      </w:r>
    </w:p>
    <w:p>
      <w:pPr/>
      <w:r>
        <w:rPr>
          <w:rFonts w:ascii="Helvetica Light" w:hAnsi="Helvetica Light" w:cs="Helvetica Light"/>
          <w:sz w:val="24"/>
          <w:sz-cs w:val="24"/>
        </w:rPr>
        <w:t xml:space="preserve"/>
        <w:tab/>
        <w:t xml:space="preserve">JF:</w:t>
        <w:tab/>
        <w:t xml:space="preserve">You were born in 1934? Do you have much recollection of the pre-war period? Of the atmosphere in your home village?</w:t>
      </w:r>
    </w:p>
    <w:p>
      <w:pPr/>
      <w:r>
        <w:rPr>
          <w:rFonts w:ascii="Helvetica Light" w:hAnsi="Helvetica Light" w:cs="Helvetica Light"/>
          <w:sz w:val="24"/>
          <w:sz-cs w:val="24"/>
        </w:rPr>
        <w:t xml:space="preserve"/>
        <w:tab/>
        <w:t xml:space="preserve">MT:</w:t>
        <w:tab/>
        <w:t xml:space="preserve">The only thing I remember there was no church. The Polish people did not have a church. The Ukrainians had a church, so I remember going to the Ukrainian church once, and I believe that either at that church or in a German church that we were baptized, but I think that it was in the Ukrainian church, because they made some kind of deal that, as long as you didnít have your own, itís the same deal if you go to theirs; itís a Russian Orthodox church. As far as with Jewish families, I remember around Christmastime they would come to our house. We had a post office--when I say a post office there was always only one post office in a territory, and, of course, they have the big landowners, which one, I donít know, I donít think it was the Goldreich from the lumber yard. I think there was three families.  I think there was one like a rabbi--he was not a rabbi--but he had the right to give weddings to Jewish individuals, and he had all those other rights that they needed in that territory as a religious group. He would come to visit us, but I think it was only to show us his concern for our holiday, the way I see it now. Because why would he stop into our house when there was preparation going on? I remember that he was dressed in dark--dark hat. He was always very intelligent, very nicely spoken. I used to listen to people speak. For some reason it would give me a good feeling if somebody spoke a beautiful language. I remember that individual was very intelligent, he spoke a nice language, and, of course, I remember that parents did their utmost to accommodate that individual. What his purpose was, I donít know. I did not have a chance when I went up for my fatherís birthday that I could talk about it. It was such a short time, and we just talked about what we went through and then we cried a little bit. To start talking about a war is bad. Itís always bad, it just finishes everything. We never had a chance to touch base on that. But I remember they were saying that anytime a bishop or some individual would be coming to that territory, he would be representing a Jewish community. He would be there with the religious people way up front where the bishop is, not where the people are. He would be with them, so whatever they did, they did it, the way I see it, the way I would like to see it done; they did it right. They were co-operating with the territory.</w:t>
      </w:r>
    </w:p>
    <w:p>
      <w:pPr/>
      <w:r>
        <w:rPr>
          <w:rFonts w:ascii="Helvetica Light" w:hAnsi="Helvetica Light" w:cs="Helvetica Light"/>
          <w:sz w:val="24"/>
          <w:sz-cs w:val="24"/>
        </w:rPr>
        <w:t xml:space="preserve"/>
        <w:tab/>
        <w:t xml:space="preserve">JF:</w:t>
        <w:tab/>
        <w:t xml:space="preserve">The Jewish families?</w:t>
      </w:r>
    </w:p>
    <w:p>
      <w:pPr/>
      <w:r>
        <w:rPr>
          <w:rFonts w:ascii="Helvetica Light" w:hAnsi="Helvetica Light" w:cs="Helvetica Light"/>
          <w:sz w:val="24"/>
          <w:sz-cs w:val="24"/>
        </w:rPr>
        <w:t xml:space="preserve"/>
        <w:tab/>
        <w:t xml:space="preserve">MT:</w:t>
        <w:tab/>
        <w:t xml:space="preserve">The Jewish families, because why would they have to send a--why would he go there and sit at the pulpit whatever, with the Catholic representative, when Poland was free?</w:t>
      </w:r>
    </w:p>
    <w:p>
      <w:pPr/>
      <w:r>
        <w:rPr>
          <w:rFonts w:ascii="Helvetica Light" w:hAnsi="Helvetica Light" w:cs="Helvetica Light"/>
          <w:sz w:val="24"/>
          <w:sz-cs w:val="24"/>
        </w:rPr>
        <w:t xml:space="preserve"/>
        <w:tab/>
        <w:t xml:space="preserve">JF:</w:t>
        <w:tab/>
        <w:t xml:space="preserve">This was in a church that this meeting...</w:t>
      </w:r>
    </w:p>
    <w:p>
      <w:pPr/>
      <w:r>
        <w:rPr>
          <w:rFonts w:ascii="Helvetica Light" w:hAnsi="Helvetica Light" w:cs="Helvetica Light"/>
          <w:sz w:val="24"/>
          <w:sz-cs w:val="24"/>
        </w:rPr>
        <w:t xml:space="preserve"/>
        <w:tab/>
        <w:t xml:space="preserve">MT:</w:t>
        <w:tab/>
        <w:t xml:space="preserve">In a church.</w:t>
      </w:r>
    </w:p>
    <w:p>
      <w:pPr/>
      <w:r>
        <w:rPr>
          <w:rFonts w:ascii="Helvetica Light" w:hAnsi="Helvetica Light" w:cs="Helvetica Light"/>
          <w:sz w:val="24"/>
          <w:sz-cs w:val="24"/>
        </w:rPr>
        <w:t xml:space="preserve"/>
        <w:tab/>
        <w:t xml:space="preserve">JF:</w:t>
        <w:tab/>
        <w:t xml:space="preserve">And he would go alone, or he would have other Jewish people with him?</w:t>
      </w:r>
    </w:p>
    <w:p>
      <w:pPr/>
      <w:r>
        <w:rPr>
          <w:rFonts w:ascii="Helvetica Light" w:hAnsi="Helvetica Light" w:cs="Helvetica Light"/>
          <w:sz w:val="24"/>
          <w:sz-cs w:val="24"/>
        </w:rPr>
        <w:t xml:space="preserve"/>
        <w:tab/>
        <w:t xml:space="preserve">MT:</w:t>
        <w:tab/>
        <w:t xml:space="preserve">That I donít know, but I know that my parents said that he was the representative of the Jewish community, so he would also welcome the other head, of the religious head, into the community.</w:t>
      </w:r>
    </w:p>
    <w:p>
      <w:pPr/>
      <w:r>
        <w:rPr>
          <w:rFonts w:ascii="Helvetica Light" w:hAnsi="Helvetica Light" w:cs="Helvetica Light"/>
          <w:sz w:val="24"/>
          <w:sz-cs w:val="24"/>
        </w:rPr>
        <w:t xml:space="preserve"/>
        <w:tab/>
        <w:t xml:space="preserve">JF:</w:t>
        <w:tab/>
        <w:t xml:space="preserve">What about the children? Was there contact between the Jewish and...</w:t>
      </w:r>
    </w:p>
    <w:p>
      <w:pPr/>
      <w:r>
        <w:rPr>
          <w:rFonts w:ascii="Helvetica Light" w:hAnsi="Helvetica Light" w:cs="Helvetica Light"/>
          <w:sz w:val="24"/>
          <w:sz-cs w:val="24"/>
        </w:rPr>
        <w:t xml:space="preserve"/>
        <w:tab/>
        <w:t xml:space="preserve">MT:</w:t>
        <w:tab/>
        <w:t xml:space="preserve">From Poland. I donít remember. Like I said...</w:t>
      </w:r>
    </w:p>
    <w:p>
      <w:pPr/>
      <w:r>
        <w:rPr>
          <w:rFonts w:ascii="Helvetica Light" w:hAnsi="Helvetica Light" w:cs="Helvetica Light"/>
          <w:sz w:val="24"/>
          <w:sz-cs w:val="24"/>
        </w:rPr>
        <w:t xml:space="preserve"/>
        <w:tab/>
        <w:t xml:space="preserve">JF:</w:t>
        <w:tab/>
        <w:t xml:space="preserve">You were quite young.</w:t>
      </w:r>
    </w:p>
    <w:p>
      <w:pPr/>
      <w:r>
        <w:rPr>
          <w:rFonts w:ascii="Helvetica Light" w:hAnsi="Helvetica Light" w:cs="Helvetica Light"/>
          <w:sz w:val="24"/>
          <w:sz-cs w:val="24"/>
        </w:rPr>
        <w:t xml:space="preserve"/>
        <w:tab/>
        <w:t xml:space="preserve">MT: </w:t>
        <w:tab/>
        <w:t xml:space="preserve">Yes, I was in a kindergarten, but nobody ever said that somebody is Jewish, so I  donít, actually from Poland I donít remember except that individual, that he spoke so well. He was something special. I only remember that he was something special. I thought he was a doctor, but then I was talking to a friend and they said he was like a rabbi, but not a rabbi.  He was a special individual with a special philosophy of life, perhaps. But in Hungary, in Keszthely, Hungary--I was already eleven, I think...</w:t>
      </w:r>
    </w:p>
    <w:p>
      <w:pPr/>
      <w:r>
        <w:rPr>
          <w:rFonts w:ascii="Helvetica Light" w:hAnsi="Helvetica Light" w:cs="Helvetica Light"/>
          <w:sz w:val="24"/>
          <w:sz-cs w:val="24"/>
        </w:rPr>
        <w:t xml:space="preserve"/>
        <w:tab/>
        <w:t xml:space="preserve">JF:</w:t>
        <w:tab/>
        <w:t xml:space="preserve">Before we get to that, perhaps we can speak of what happened in 1939 with the invasion, as you recall it. </w:t>
      </w:r>
    </w:p>
    <w:p>
      <w:pPr/>
      <w:r>
        <w:rPr>
          <w:rFonts w:ascii="Helvetica Light" w:hAnsi="Helvetica Light" w:cs="Helvetica Light"/>
          <w:sz w:val="24"/>
          <w:sz-cs w:val="24"/>
        </w:rPr>
        <w:t xml:space="preserve"/>
        <w:tab/>
        <w:t xml:space="preserve">MT: </w:t>
        <w:tab/>
        <w:t xml:space="preserve">Well, as I recall, it was one beautiful morning around 10 oíclock. My aunt was with this girl who was taking care of us. My aunt was crippled. She was my fatherís sister, I donít know whether it happened in a camp, but something happened to her, and she was crippled, and my fatherís mother in the First World War, Iím going back to that, lost her marbles. She got mentally ill, I guess because the death of her husband or something. Depression. Yes, she had depression. She was not mentally ill, but--she was not old, she was not feeble.</w:t>
      </w:r>
    </w:p>
    <w:p>
      <w:pPr/>
      <w:r>
        <w:rPr>
          <w:rFonts w:ascii="Helvetica Light" w:hAnsi="Helvetica Light" w:cs="Helvetica Light"/>
          <w:sz w:val="24"/>
          <w:sz-cs w:val="24"/>
        </w:rPr>
        <w:t xml:space="preserve"/>
        <w:tab/>
        <w:t xml:space="preserve">JF:</w:t>
        <w:tab/>
        <w:t xml:space="preserve">You said she was depressed.</w:t>
      </w:r>
    </w:p>
    <w:p>
      <w:pPr/>
      <w:r>
        <w:rPr>
          <w:rFonts w:ascii="Helvetica Light" w:hAnsi="Helvetica Light" w:cs="Helvetica Light"/>
          <w:sz w:val="24"/>
          <w:sz-cs w:val="24"/>
        </w:rPr>
        <w:t xml:space="preserve"/>
        <w:tab/>
        <w:t xml:space="preserve">MT:</w:t>
        <w:tab/>
        <w:t xml:space="preserve">But she was depressed, and there could be some medical term for it. She did have some mental problem later on, so thatís what actually hurt my father more than anything else, I guess. He lost his father, and his mother and his sister was messed up. Well, going back to this, in--we were before the war or when the war started?</w:t>
      </w:r>
    </w:p>
    <w:p>
      <w:pPr/>
      <w:r>
        <w:rPr>
          <w:rFonts w:ascii="Helvetica Light" w:hAnsi="Helvetica Light" w:cs="Helvetica Light"/>
          <w:sz w:val="24"/>
          <w:sz-cs w:val="24"/>
        </w:rPr>
        <w:t xml:space="preserve"/>
        <w:tab/>
        <w:t xml:space="preserve">JF:</w:t>
        <w:tab/>
        <w:t xml:space="preserve">Just in ë39.</w:t>
      </w:r>
    </w:p>
    <w:p>
      <w:pPr/>
      <w:r>
        <w:rPr>
          <w:rFonts w:ascii="Helvetica Light" w:hAnsi="Helvetica Light" w:cs="Helvetica Light"/>
          <w:sz w:val="24"/>
          <w:sz-cs w:val="24"/>
        </w:rPr>
        <w:t xml:space="preserve"/>
        <w:tab/>
        <w:t xml:space="preserve">MT:</w:t>
        <w:tab/>
        <w:t xml:space="preserve">Just in ë39.  When it started, we were in the garden playing around--I remember my father had bees there and bee hives and he told me to stay away from them, and it was so nice to sit there, observing them land on the flowers and then go back into beehive, and all of a sudden, something is flying over our heads, something I never heard before. This sound that I never heard before, big birds, airplanes.</w:t>
      </w:r>
    </w:p>
    <w:p>
      <w:pPr/>
      <w:r>
        <w:rPr>
          <w:rFonts w:ascii="Helvetica Light" w:hAnsi="Helvetica Light" w:cs="Helvetica Light"/>
          <w:sz w:val="24"/>
          <w:sz-cs w:val="24"/>
        </w:rPr>
        <w:t xml:space="preserve"/>
        <w:tab/>
        <w:t xml:space="preserve">JF:</w:t>
        <w:tab/>
        <w:t xml:space="preserve">You had never seen them before?</w:t>
      </w:r>
    </w:p>
    <w:p>
      <w:pPr/>
      <w:r>
        <w:rPr>
          <w:rFonts w:ascii="Helvetica Light" w:hAnsi="Helvetica Light" w:cs="Helvetica Light"/>
          <w:sz w:val="24"/>
          <w:sz-cs w:val="24"/>
        </w:rPr>
        <w:t xml:space="preserve"/>
        <w:tab/>
        <w:t xml:space="preserve">MT:</w:t>
        <w:tab/>
        <w:t xml:space="preserve">No. Airplanes flew over our heads. Since we had a post office, we had a radio. Somebody yelled out, ìHitler started a war.î Those were the German planes and then there was some explosions, or machine gun fires--I remember something. But there was nothing around us that happened, but I remember that my aunt was hiding us under trees. I think they were using machine guns, the fighter planes, probably, now I am thinking about how it is. This squadron is organized, bombers and fighter planes to make sure that nobody will start anything. Because later on I heard stories that they were machine gunning the cabbage patches because it looked like organized army or something. They were in rows, and could have looked like army men. Then, I donít remember too much. That happened like, I guess, for two weeks. It was a lot of commotion, and we were like being neglected. There was always something going on. Everybody was always meeting and lot of talking, an awful lot of talking and not too much time to spend with us. Everybody was always busy. Now, all of a sudden my father is leaving, and I couldnít tolerate it. I started banging my head, my mom tells me, I didnít even remember it, against the ground, crying, ìWhy do you have to leave us?î He was going to the war. He was going to jump on one of the tanks that were driving by us, by our territory, to go to the war to fight the Hitler. But one of his officers that knew him from the military service, said, ìMr. Turzanski, your place is at home with your children. This is going to be a terrible war. I am a professional and I am telling you that.î And, he, more or less, threw him off the tank, so my father came back.</w:t>
      </w:r>
    </w:p>
    <w:p>
      <w:pPr/>
      <w:r>
        <w:rPr>
          <w:rFonts w:ascii="Helvetica Light" w:hAnsi="Helvetica Light" w:cs="Helvetica Light"/>
          <w:sz w:val="24"/>
          <w:sz-cs w:val="24"/>
        </w:rPr>
        <w:t xml:space="preserve"/>
        <w:tab/>
        <w:t xml:space="preserve">JF:</w:t>
        <w:tab/>
        <w:t xml:space="preserve">He had been in the army previously, then?</w:t>
      </w:r>
    </w:p>
    <w:p>
      <w:pPr/>
      <w:r>
        <w:rPr>
          <w:rFonts w:ascii="Helvetica Light" w:hAnsi="Helvetica Light" w:cs="Helvetica Light"/>
          <w:sz w:val="24"/>
          <w:sz-cs w:val="24"/>
        </w:rPr>
        <w:t xml:space="preserve"/>
        <w:tab/>
        <w:t xml:space="preserve">MT:</w:t>
        <w:tab/>
        <w:t xml:space="preserve">Everybody had to be in Europe. You had to serve, and, I think, itís longer than in the United States. I think you had to serve four years or something like that.</w:t>
      </w:r>
    </w:p>
    <w:p>
      <w:pPr/>
      <w:r>
        <w:rPr>
          <w:rFonts w:ascii="Helvetica Light" w:hAnsi="Helvetica Light" w:cs="Helvetica Light"/>
          <w:sz w:val="24"/>
          <w:sz-cs w:val="24"/>
        </w:rPr>
        <w:t xml:space="preserve"/>
        <w:tab/>
        <w:t xml:space="preserve">JF:</w:t>
        <w:tab/>
        <w:t xml:space="preserve">But, this is after the First World War.</w:t>
      </w:r>
    </w:p>
    <w:p>
      <w:pPr/>
      <w:r>
        <w:rPr>
          <w:rFonts w:ascii="Helvetica Light" w:hAnsi="Helvetica Light" w:cs="Helvetica Light"/>
          <w:sz w:val="24"/>
          <w:sz-cs w:val="24"/>
        </w:rPr>
        <w:t xml:space="preserve"/>
        <w:tab/>
        <w:t xml:space="preserve">MT:</w:t>
        <w:tab/>
        <w:t xml:space="preserve">After the First World War. Yes, and he had a rank of officer. He did his duty. Then one morning I remember, I heard a dog bark. Now, I learned it was September 20, 1939. Early in the morning, the dog started to bark something terrible outside. We didnít have dogs inside the house, only outside.  It was to protect the house from the wolves and the strangers, I guess.  He was on a chain, and then I heard some kind of yelling, screaming, and the dog did not bark anymore.  Then my mother screamed. She ran out. So, we ran out. They were trying to kill my father. Now at that time I did not know who ìtheyî were, so-called ìtheyî. It was Ukrainians from different village that came to our village with the news that Poles are killing Ukrainians in their territory, so they came to revenge that act, and to stir up the rest of the Ukrainians to do the same. Well, they killed that dog and he wanted to--he lifted, one of the leaders lifted the cane to hit my father who was bald-headed--I donít know how it happened but they said it happened overnight. Something, maybe when the war started. He was going to smash him on the head with a cane. A cane was a weapon in those days. The cane had a sharp metal tip on the end, very sharp; this was to protect yourself from wolves, because you had to do an awful lot of walking through the woods, and, the wolves were the bad thing in those days. Dogs were no problem, but wolves were, and the people, in case you would have to protect yourself. It was just like in the old days, they had what? The sword. The cane was just like that.</w:t>
      </w:r>
    </w:p>
    <w:p>
      <w:pPr/>
      <w:r>
        <w:rPr>
          <w:rFonts w:ascii="Helvetica Light" w:hAnsi="Helvetica Light" w:cs="Helvetica Light"/>
          <w:sz w:val="24"/>
          <w:sz-cs w:val="24"/>
        </w:rPr>
        <w:t xml:space="preserve"/>
        <w:tab/>
        <w:t xml:space="preserve">JF:</w:t>
        <w:tab/>
        <w:t xml:space="preserve">So this was cane that grew and was then supplemented by an iron or metal tip of some kind...</w:t>
      </w:r>
    </w:p>
    <w:p>
      <w:pPr/>
      <w:r>
        <w:rPr>
          <w:rFonts w:ascii="Helvetica Light" w:hAnsi="Helvetica Light" w:cs="Helvetica Light"/>
          <w:sz w:val="24"/>
          <w:sz-cs w:val="24"/>
        </w:rPr>
        <w:t xml:space="preserve"/>
        <w:tab/>
        <w:t xml:space="preserve">MT:</w:t>
        <w:tab/>
        <w:t xml:space="preserve">Yes it was a regular walking cane, a walking cane with a special tool. Some of them had even long knives inside.  When you turned the handle, you could pull it out, there was a sharp knife.</w:t>
      </w:r>
    </w:p>
    <w:p>
      <w:pPr/>
      <w:r>
        <w:rPr>
          <w:rFonts w:ascii="Helvetica Light" w:hAnsi="Helvetica Light" w:cs="Helvetica Light"/>
          <w:sz w:val="24"/>
          <w:sz-cs w:val="24"/>
        </w:rPr>
        <w:t xml:space="preserve"/>
        <w:tab/>
        <w:t xml:space="preserve">JF:</w:t>
        <w:tab/>
        <w:t xml:space="preserve">Almost like a bayonet.</w:t>
      </w:r>
    </w:p>
    <w:p>
      <w:pPr/>
      <w:r>
        <w:rPr>
          <w:rFonts w:ascii="Helvetica Light" w:hAnsi="Helvetica Light" w:cs="Helvetica Light"/>
          <w:sz w:val="24"/>
          <w:sz-cs w:val="24"/>
        </w:rPr>
        <w:t xml:space="preserve"/>
        <w:tab/>
        <w:t xml:space="preserve">MT: </w:t>
        <w:tab/>
        <w:t xml:space="preserve">Yes, they had those things in those days, for some reason, thatís what they used to kill the dog with, that sharp point they pierced the dog with, and he went. He wanted to do that to my father. Thatís when my mother, I guess noticed, she screamed, she ran out, ìYou have to kill me first before you kill him.î  Well, then, there was an awful lot of excitement. The guy in charge of our post office, he was Ukrainian. They were all Ukrainians, people living in our facility, not the same house, the girl did with us, but the rest of them just had their facilities. He jumped in and he grabbed the cane and says, ìI am in charge here.î They wanted weapons; my father had a lot of weapons. ìI am in charge here. I have the keys. I have the weapons. You talk to me.î</w:t>
      </w:r>
    </w:p>
    <w:p>
      <w:pPr/>
      <w:r>
        <w:rPr>
          <w:rFonts w:ascii="Helvetica Light" w:hAnsi="Helvetica Light" w:cs="Helvetica Light"/>
          <w:sz w:val="24"/>
          <w:sz-cs w:val="24"/>
        </w:rPr>
        <w:t xml:space="preserve"/>
        <w:tab/>
        <w:t xml:space="preserve">JF:</w:t>
        <w:tab/>
        <w:t xml:space="preserve">So, your own Ukrainian friend saved you?</w:t>
      </w:r>
    </w:p>
    <w:p>
      <w:pPr/>
      <w:r>
        <w:rPr>
          <w:rFonts w:ascii="Helvetica Light" w:hAnsi="Helvetica Light" w:cs="Helvetica Light"/>
          <w:sz w:val="24"/>
          <w:sz-cs w:val="24"/>
        </w:rPr>
        <w:t xml:space="preserve"/>
        <w:tab/>
        <w:t xml:space="preserve">MT:</w:t>
        <w:tab/>
        <w:t xml:space="preserve">Yes, and then he whispered in my parentsí ear, ìRun, because all they are looking for is the taste of blood, and then nobody will be able to stop them.î That was six in the morning. My youngest brother was two weeks old, so my mother was just after delivery, and in those days you delivered at home if everything was normal. My younger brother--there was four of us--my younger brother didnít even have his shoes on his feet yet. Nobody had a chance to put on--there was so much commotion. We grabbed something. Somebody put shoes on us, I guess. We ran towards the Hungarian border to run away from this. It was in the fall, so that means after the wheat was cut down. There was no corn, but there was wheat, and those jaggedy things were sticking up. My younger brotherís feet started to bleed, so then I donít know who had to carry him. My mother was carrying the youngest. There was no shoes. But two Ukrainians ran after us, I remember they were shooting in the woods, but in the woods when you shoot, the bullets donít travel too far. They were after us to catch us, but finally they realized that we were running away, that we would get away, and I also remember when I looked back, the flag, the Polish flag on the barracks of the border patrol was being broken off.</w:t>
      </w:r>
    </w:p>
    <w:p>
      <w:pPr/>
      <w:r>
        <w:rPr>
          <w:rFonts w:ascii="Helvetica Light" w:hAnsi="Helvetica Light" w:cs="Helvetica Light"/>
          <w:sz w:val="24"/>
          <w:sz-cs w:val="24"/>
        </w:rPr>
        <w:t xml:space="preserve"/>
        <w:tab/>
        <w:t xml:space="preserve">JF:</w:t>
        <w:tab/>
        <w:t xml:space="preserve">By those Ukrainians?</w:t>
      </w:r>
    </w:p>
    <w:p>
      <w:pPr/>
      <w:r>
        <w:rPr>
          <w:rFonts w:ascii="Helvetica Light" w:hAnsi="Helvetica Light" w:cs="Helvetica Light"/>
          <w:sz w:val="24"/>
          <w:sz-cs w:val="24"/>
        </w:rPr>
        <w:t xml:space="preserve"/>
        <w:tab/>
        <w:t xml:space="preserve">MT:</w:t>
        <w:tab/>
        <w:t xml:space="preserve">They had horses. It was just like cowboys. They attached a rope to it, and they started pulling. They were beating the horse and they finally broke that.</w:t>
      </w:r>
    </w:p>
    <w:p>
      <w:pPr/>
      <w:r>
        <w:rPr>
          <w:rFonts w:ascii="Helvetica Light" w:hAnsi="Helvetica Light" w:cs="Helvetica Light"/>
          <w:sz w:val="24"/>
          <w:sz-cs w:val="24"/>
        </w:rPr>
        <w:t xml:space="preserve"/>
        <w:tab/>
        <w:t xml:space="preserve">JF: </w:t>
        <w:tab/>
        <w:t xml:space="preserve">So these two Ukrainians who were following you, were following you on foot with guns?</w:t>
      </w:r>
    </w:p>
    <w:p>
      <w:pPr/>
      <w:r>
        <w:rPr>
          <w:rFonts w:ascii="Helvetica Light" w:hAnsi="Helvetica Light" w:cs="Helvetica Light"/>
          <w:sz w:val="24"/>
          <w:sz-cs w:val="24"/>
        </w:rPr>
        <w:t xml:space="preserve"/>
        <w:tab/>
        <w:t xml:space="preserve">MT:</w:t>
        <w:tab/>
        <w:t xml:space="preserve"> Yes. We got to the border, running. Hungarians stopped us at the border. My father could speak Hungarian, some Hungarian. They said that they cannot let us, in because they have only one machine gun, three guys on the border, and they would not be able to stop the revolution. And if they would let us in, that would just start their problems.</w:t>
      </w:r>
    </w:p>
    <w:p>
      <w:pPr/>
      <w:r>
        <w:rPr>
          <w:rFonts w:ascii="Helvetica Light" w:hAnsi="Helvetica Light" w:cs="Helvetica Light"/>
          <w:sz w:val="24"/>
          <w:sz-cs w:val="24"/>
        </w:rPr>
        <w:t xml:space="preserve"/>
        <w:tab/>
        <w:t xml:space="preserve">JF:</w:t>
        <w:tab/>
        <w:t xml:space="preserve">They were afraid of the Ukrainians coming into Hungary.</w:t>
      </w:r>
    </w:p>
    <w:p>
      <w:pPr/>
      <w:r>
        <w:rPr>
          <w:rFonts w:ascii="Helvetica Light" w:hAnsi="Helvetica Light" w:cs="Helvetica Light"/>
          <w:sz w:val="24"/>
          <w:sz-cs w:val="24"/>
        </w:rPr>
        <w:t xml:space="preserve"/>
        <w:tab/>
        <w:t xml:space="preserve">MT:</w:t>
        <w:tab/>
        <w:t xml:space="preserve">Exactly. To get us and, actually, to get even with them why do they</w:t>
      </w:r>
    </w:p>
    <w:p>
      <w:pPr/>
      <w:r>
        <w:rPr>
          <w:rFonts w:ascii="Helvetica Light" w:hAnsi="Helvetica Light" w:cs="Helvetica Light"/>
          <w:sz w:val="24"/>
          <w:sz-cs w:val="24"/>
        </w:rPr>
        <w:t xml:space="preserve">let us in. My father was very angry then. And he snapped at the border patrol and he said, ìI want to speak to an officer in charge of this,î and there was a guy, right behind us. The guy was very scared. He said, ìI am also an officer, I will give you everything I can; I will do everything I can for you as a military man, but you let my family in back of that into Hungary, and I will stay with you to protect you.î Well, that was the beginning of our running experience. We ran through quite a few camps in Hungary. Every camp we were foreigners, every place we went to, we were foreigners. We did not go to school for quite a while.</w:t>
      </w:r>
    </w:p>
    <w:p>
      <w:pPr/>
      <w:r>
        <w:rPr>
          <w:rFonts w:ascii="Helvetica Light" w:hAnsi="Helvetica Light" w:cs="Helvetica Light"/>
          <w:sz w:val="24"/>
          <w:sz-cs w:val="24"/>
        </w:rPr>
        <w:t xml:space="preserve"/>
        <w:tab/>
        <w:t xml:space="preserve">JF:</w:t>
        <w:tab/>
        <w:t xml:space="preserve">When you say camps, what do you mean?</w:t>
      </w:r>
    </w:p>
    <w:p>
      <w:pPr/>
      <w:r>
        <w:rPr>
          <w:rFonts w:ascii="Helvetica Light" w:hAnsi="Helvetica Light" w:cs="Helvetica Light"/>
          <w:sz w:val="24"/>
          <w:sz-cs w:val="24"/>
        </w:rPr>
        <w:t xml:space="preserve"/>
        <w:tab/>
        <w:t xml:space="preserve">MT:</w:t>
        <w:tab/>
        <w:t xml:space="preserve">It means that the Polish Government-in-Exile was given som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br w:type="page"/>
        <w:t xml:space="preserve"/>
        <w:tab/>
        <w:t xml:space="preserve">Tape one, side two:</w:t>
      </w:r>
    </w:p>
    <w:p>
      <w:pPr/>
      <w:r>
        <w:rPr>
          <w:rFonts w:ascii="Helvetica Light" w:hAnsi="Helvetica Light" w:cs="Helvetica Light"/>
          <w:sz w:val="24"/>
          <w:sz-cs w:val="24"/>
        </w:rPr>
        <w:t xml:space="preserve"/>
        <w:tab/>
        <w:t xml:space="preserve">JF:</w:t>
        <w:tab/>
        <w:t xml:space="preserve">You were talking about the...</w:t>
      </w:r>
    </w:p>
    <w:p>
      <w:pPr/>
      <w:r>
        <w:rPr>
          <w:rFonts w:ascii="Helvetica Light" w:hAnsi="Helvetica Light" w:cs="Helvetica Light"/>
          <w:sz w:val="24"/>
          <w:sz-cs w:val="24"/>
        </w:rPr>
        <w:t xml:space="preserve"/>
        <w:tab/>
        <w:t xml:space="preserve">MT: </w:t>
        <w:tab/>
        <w:t xml:space="preserve">Camps in Hungary were actually prepared, or maybe not even prepared... individual homes that we went to, but they were in close vicinity... all the people, immigrants would live in certain quarters.</w:t>
      </w:r>
    </w:p>
    <w:p>
      <w:pPr/>
      <w:r>
        <w:rPr>
          <w:rFonts w:ascii="Helvetica Light" w:hAnsi="Helvetica Light" w:cs="Helvetica Light"/>
          <w:sz w:val="24"/>
          <w:sz-cs w:val="24"/>
        </w:rPr>
        <w:t xml:space="preserve"/>
        <w:tab/>
        <w:t xml:space="preserve">JF:</w:t>
        <w:tab/>
        <w:t xml:space="preserve">These were provided by the Polish Government-in-Exile?</w:t>
      </w:r>
    </w:p>
    <w:p>
      <w:pPr/>
      <w:r>
        <w:rPr>
          <w:rFonts w:ascii="Helvetica Light" w:hAnsi="Helvetica Light" w:cs="Helvetica Light"/>
          <w:sz w:val="24"/>
          <w:sz-cs w:val="24"/>
        </w:rPr>
        <w:t xml:space="preserve"/>
        <w:tab/>
        <w:t xml:space="preserve">MT: </w:t>
        <w:tab/>
        <w:t xml:space="preserve">I think some of it was provided perhaps, but my parents had to work right away, so perhaps they had to work to pay for it. But there was some organization., maybe it was just churches, but we called them camps because we were all grouped in one territory.</w:t>
      </w:r>
    </w:p>
    <w:p>
      <w:pPr/>
      <w:r>
        <w:rPr>
          <w:rFonts w:ascii="Helvetica Light" w:hAnsi="Helvetica Light" w:cs="Helvetica Light"/>
          <w:sz w:val="24"/>
          <w:sz-cs w:val="24"/>
        </w:rPr>
        <w:t xml:space="preserve"/>
        <w:tab/>
        <w:t xml:space="preserve">JF:</w:t>
        <w:tab/>
        <w:t xml:space="preserve">Was it collective housing, or did you have separate dwellings?</w:t>
      </w:r>
    </w:p>
    <w:p>
      <w:pPr/>
      <w:r>
        <w:rPr>
          <w:rFonts w:ascii="Helvetica Light" w:hAnsi="Helvetica Light" w:cs="Helvetica Light"/>
          <w:sz w:val="24"/>
          <w:sz-cs w:val="24"/>
        </w:rPr>
        <w:t xml:space="preserve"/>
        <w:tab/>
        <w:t xml:space="preserve">MT:</w:t>
        <w:tab/>
        <w:t xml:space="preserve">There was no collective housing. I remember once we were in a military establishment. The first one we were in was a military establishment when we just crossed the border. The only thing that I remember from that was that there was an awful lot of uniforms, and then the latrine, I had never seen anything like it in my life. You had to go outside and there was a ditch, and there was like a board that you had to hang on to so you didnít fall into the ditch, and it was terrible. There was a shower. You had to cover things up yourself after you were done. Then we went into some kind of--like a hotel, I remember, for another two or three days we were interrogated and separated. They were looking-- Hungarians were not too friendly to us because they wanted to stay neutral, I think. I am not sure about that, but they also wanted to make sure that there is no political individuals there so they donít have to answer for.</w:t>
      </w:r>
    </w:p>
    <w:p>
      <w:pPr/>
      <w:r>
        <w:rPr>
          <w:rFonts w:ascii="Helvetica Light" w:hAnsi="Helvetica Light" w:cs="Helvetica Light"/>
          <w:sz w:val="24"/>
          <w:sz-cs w:val="24"/>
        </w:rPr>
        <w:t xml:space="preserve"/>
        <w:tab/>
        <w:t xml:space="preserve">JF: </w:t>
        <w:tab/>
        <w:t xml:space="preserve">Did you ever find out whether or not the Ukrainians who were chasing you caused any trouble at the border?</w:t>
      </w:r>
    </w:p>
    <w:p>
      <w:pPr/>
      <w:r>
        <w:rPr>
          <w:rFonts w:ascii="Helvetica Light" w:hAnsi="Helvetica Light" w:cs="Helvetica Light"/>
          <w:sz w:val="24"/>
          <w:sz-cs w:val="24"/>
        </w:rPr>
        <w:t xml:space="preserve"/>
        <w:tab/>
        <w:t xml:space="preserve">MT: </w:t>
        <w:tab/>
        <w:t xml:space="preserve">At the border, no, but I have some stories to tell about what happened later on in the same territory with Jewish families and with Polish families.</w:t>
      </w:r>
    </w:p>
    <w:p>
      <w:pPr/>
      <w:r>
        <w:rPr>
          <w:rFonts w:ascii="Helvetica Light" w:hAnsi="Helvetica Light" w:cs="Helvetica Light"/>
          <w:sz w:val="24"/>
          <w:sz-cs w:val="24"/>
        </w:rPr>
        <w:t xml:space="preserve"/>
        <w:tab/>
        <w:t xml:space="preserve">JF: </w:t>
        <w:tab/>
        <w:t xml:space="preserve">These were stories that you heard afterwards?</w:t>
      </w:r>
    </w:p>
    <w:p>
      <w:pPr/>
      <w:r>
        <w:rPr>
          <w:rFonts w:ascii="Helvetica Light" w:hAnsi="Helvetica Light" w:cs="Helvetica Light"/>
          <w:sz w:val="24"/>
          <w:sz-cs w:val="24"/>
        </w:rPr>
        <w:t xml:space="preserve"/>
        <w:tab/>
        <w:t xml:space="preserve">MT:</w:t>
        <w:tab/>
        <w:t xml:space="preserve">I heard stories from the son of Goldberg, Goldreich. I donít even know the spelling, it would be like a Polish spelling, but itís a German word. It means ìGoldrich,î right?  Goldreich. But it would be spelled somehow the way Poles would spell it, I think. Going back to the camps. So finally we end up in Keszthely, Hungary, where they organized a Polish school. It was the first time I had a chance to go to school.</w:t>
      </w:r>
    </w:p>
    <w:p>
      <w:pPr/>
      <w:r>
        <w:rPr>
          <w:rFonts w:ascii="Helvetica Light" w:hAnsi="Helvetica Light" w:cs="Helvetica Light"/>
          <w:sz w:val="24"/>
          <w:sz-cs w:val="24"/>
        </w:rPr>
        <w:t xml:space="preserve"/>
        <w:tab/>
        <w:t xml:space="preserve">JF:</w:t>
        <w:tab/>
        <w:t xml:space="preserve">The spelling of that?</w:t>
      </w:r>
    </w:p>
    <w:p>
      <w:pPr/>
      <w:r>
        <w:rPr>
          <w:rFonts w:ascii="Helvetica Light" w:hAnsi="Helvetica Light" w:cs="Helvetica Light"/>
          <w:sz w:val="24"/>
          <w:sz-cs w:val="24"/>
        </w:rPr>
        <w:t xml:space="preserve"/>
        <w:tab/>
        <w:t xml:space="preserve">MT:</w:t>
        <w:tab/>
        <w:t xml:space="preserve">K-E-S-Z-T-H-E-L-Y. Itís next to Balaton, which is their big lake, and they call it their sea, because they did not have access to the sea. Now, in Keszthely-- I am losing some of my thoughts-- if we could just stop this for a second.</w:t>
      </w:r>
    </w:p>
    <w:p>
      <w:pPr/>
      <w:r>
        <w:rPr>
          <w:rFonts w:ascii="Helvetica Light" w:hAnsi="Helvetica Light" w:cs="Helvetica Light"/>
          <w:sz w:val="24"/>
          <w:sz-cs w:val="24"/>
        </w:rPr>
        <w:t xml:space="preserve"/>
        <w:tab/>
        <w:t xml:space="preserve">JF:</w:t>
        <w:tab/>
        <w:t xml:space="preserve">Sure.</w:t>
      </w:r>
    </w:p>
    <w:p>
      <w:pPr/>
      <w:r>
        <w:rPr>
          <w:rFonts w:ascii="Helvetica Light" w:hAnsi="Helvetica Light" w:cs="Helvetica Light"/>
          <w:sz w:val="24"/>
          <w:sz-cs w:val="24"/>
        </w:rPr>
        <w:t xml:space="preserve"/>
        <w:tab/>
        <w:t xml:space="preserve">MT:</w:t>
        <w:tab/>
        <w:t xml:space="preserve">I am ready to come back.</w:t>
      </w:r>
    </w:p>
    <w:p>
      <w:pPr/>
      <w:r>
        <w:rPr>
          <w:rFonts w:ascii="Helvetica Light" w:hAnsi="Helvetica Light" w:cs="Helvetica Light"/>
          <w:sz w:val="24"/>
          <w:sz-cs w:val="24"/>
        </w:rPr>
        <w:t xml:space="preserve"/>
        <w:tab/>
        <w:t xml:space="preserve">JF:</w:t>
        <w:tab/>
        <w:t xml:space="preserve">When you got to this village or town...</w:t>
      </w:r>
    </w:p>
    <w:p>
      <w:pPr/>
      <w:r>
        <w:rPr>
          <w:rFonts w:ascii="Helvetica Light" w:hAnsi="Helvetica Light" w:cs="Helvetica Light"/>
          <w:sz w:val="24"/>
          <w:sz-cs w:val="24"/>
        </w:rPr>
        <w:t xml:space="preserve"/>
        <w:tab/>
        <w:t xml:space="preserve">MT:</w:t>
        <w:tab/>
        <w:t xml:space="preserve">Town. It was a very nice town in Hungary, very nice It was 1944 already, that means we traveled already that many years.</w:t>
      </w:r>
    </w:p>
    <w:p>
      <w:pPr/>
      <w:r>
        <w:rPr>
          <w:rFonts w:ascii="Helvetica Light" w:hAnsi="Helvetica Light" w:cs="Helvetica Light"/>
          <w:sz w:val="24"/>
          <w:sz-cs w:val="24"/>
        </w:rPr>
        <w:t xml:space="preserve"/>
        <w:tab/>
        <w:t xml:space="preserve">JF:</w:t>
        <w:tab/>
        <w:t xml:space="preserve">You were on the road then for 5 years? </w:t>
      </w:r>
    </w:p>
    <w:p>
      <w:pPr/>
      <w:r>
        <w:rPr>
          <w:rFonts w:ascii="Helvetica Light" w:hAnsi="Helvetica Light" w:cs="Helvetica Light"/>
          <w:sz w:val="24"/>
          <w:sz-cs w:val="24"/>
        </w:rPr>
        <w:t xml:space="preserve"/>
        <w:tab/>
        <w:t xml:space="preserve">MT: </w:t>
        <w:tab/>
        <w:t xml:space="preserve">Constantly.</w:t>
      </w:r>
    </w:p>
    <w:p>
      <w:pPr/>
      <w:r>
        <w:rPr>
          <w:rFonts w:ascii="Helvetica Light" w:hAnsi="Helvetica Light" w:cs="Helvetica Light"/>
          <w:sz w:val="24"/>
          <w:sz-cs w:val="24"/>
        </w:rPr>
        <w:t xml:space="preserve"/>
        <w:tab/>
        <w:t xml:space="preserve">JF: </w:t>
        <w:tab/>
        <w:t xml:space="preserve">Constantly, stopping in these camps, as you described them?</w:t>
      </w:r>
    </w:p>
    <w:p>
      <w:pPr/>
      <w:r>
        <w:rPr>
          <w:rFonts w:ascii="Helvetica Light" w:hAnsi="Helvetica Light" w:cs="Helvetica Light"/>
          <w:sz w:val="24"/>
          <w:sz-cs w:val="24"/>
        </w:rPr>
        <w:t xml:space="preserve"/>
        <w:tab/>
        <w:t xml:space="preserve">MT:</w:t>
        <w:tab/>
        <w:t xml:space="preserve">Yes, and just running. Exactly why we were doing that, I think, that whatever was running out, either jobs or something, that we had to keep on going.</w:t>
      </w:r>
    </w:p>
    <w:p>
      <w:pPr/>
      <w:r>
        <w:rPr>
          <w:rFonts w:ascii="Helvetica Light" w:hAnsi="Helvetica Light" w:cs="Helvetica Light"/>
          <w:sz w:val="24"/>
          <w:sz-cs w:val="24"/>
        </w:rPr>
        <w:t xml:space="preserve"/>
        <w:tab/>
        <w:t xml:space="preserve">JF:</w:t>
        <w:tab/>
        <w:t xml:space="preserve">Did you attend school in any of these areas?</w:t>
      </w:r>
    </w:p>
    <w:p>
      <w:pPr/>
      <w:r>
        <w:rPr>
          <w:rFonts w:ascii="Helvetica Light" w:hAnsi="Helvetica Light" w:cs="Helvetica Light"/>
          <w:sz w:val="24"/>
          <w:sz-cs w:val="24"/>
        </w:rPr>
        <w:t xml:space="preserve"/>
        <w:tab/>
        <w:t xml:space="preserve">MT:</w:t>
        <w:tab/>
        <w:t xml:space="preserve">No, we had private lessons through some educated individuals. Older people, they were giving us. No schooling. In Keszthely was the first time that I went to school.</w:t>
      </w:r>
    </w:p>
    <w:p>
      <w:pPr/>
      <w:r>
        <w:rPr>
          <w:rFonts w:ascii="Helvetica Light" w:hAnsi="Helvetica Light" w:cs="Helvetica Light"/>
          <w:sz w:val="24"/>
          <w:sz-cs w:val="24"/>
        </w:rPr>
        <w:t xml:space="preserve"/>
        <w:tab/>
        <w:t xml:space="preserve">JF:</w:t>
        <w:tab/>
        <w:t xml:space="preserve">Not until 1944?</w:t>
      </w:r>
    </w:p>
    <w:p>
      <w:pPr/>
      <w:r>
        <w:rPr>
          <w:rFonts w:ascii="Helvetica Light" w:hAnsi="Helvetica Light" w:cs="Helvetica Light"/>
          <w:sz w:val="24"/>
          <w:sz-cs w:val="24"/>
        </w:rPr>
        <w:t xml:space="preserve"/>
        <w:tab/>
        <w:t xml:space="preserve">MT: </w:t>
        <w:tab/>
        <w:t xml:space="preserve">No, that was before we left in ë44.  So I would say 1942. I think, in Keszthely.  Thatís the place where we actually stayed until the end before the Germans took us.</w:t>
      </w:r>
    </w:p>
    <w:p>
      <w:pPr/>
      <w:r>
        <w:rPr>
          <w:rFonts w:ascii="Helvetica Light" w:hAnsi="Helvetica Light" w:cs="Helvetica Light"/>
          <w:sz w:val="24"/>
          <w:sz-cs w:val="24"/>
        </w:rPr>
        <w:t xml:space="preserve"/>
        <w:tab/>
        <w:t xml:space="preserve">JF:</w:t>
        <w:tab/>
        <w:t xml:space="preserve">I see. This was also a camp?</w:t>
      </w:r>
    </w:p>
    <w:p>
      <w:pPr/>
      <w:r>
        <w:rPr>
          <w:rFonts w:ascii="Helvetica Light" w:hAnsi="Helvetica Light" w:cs="Helvetica Light"/>
          <w:sz w:val="24"/>
          <w:sz-cs w:val="24"/>
        </w:rPr>
        <w:t xml:space="preserve"/>
        <w:tab/>
        <w:t xml:space="preserve">MT:</w:t>
        <w:tab/>
        <w:t xml:space="preserve">It was a city, but we were always kept an eye on. We were the foreigners. We were the unwanted ones.</w:t>
      </w:r>
    </w:p>
    <w:p>
      <w:pPr/>
      <w:r>
        <w:rPr>
          <w:rFonts w:ascii="Helvetica Light" w:hAnsi="Helvetica Light" w:cs="Helvetica Light"/>
          <w:sz w:val="24"/>
          <w:sz-cs w:val="24"/>
        </w:rPr>
        <w:t xml:space="preserve"/>
        <w:tab/>
        <w:t xml:space="preserve">JF:</w:t>
        <w:tab/>
        <w:t xml:space="preserve">You were always kept with other Poles who were running the same way that you were?</w:t>
      </w:r>
    </w:p>
    <w:p>
      <w:pPr/>
      <w:r>
        <w:rPr>
          <w:rFonts w:ascii="Helvetica Light" w:hAnsi="Helvetica Light" w:cs="Helvetica Light"/>
          <w:sz w:val="24"/>
          <w:sz-cs w:val="24"/>
        </w:rPr>
        <w:t xml:space="preserve"/>
        <w:tab/>
        <w:t xml:space="preserve">MT: </w:t>
        <w:tab/>
        <w:t xml:space="preserve">Thatís correct. We were just like those Cubans in Miami that came from Cuba by boat. Unwanted ones.</w:t>
      </w:r>
    </w:p>
    <w:p>
      <w:pPr/>
      <w:r>
        <w:rPr>
          <w:rFonts w:ascii="Helvetica Light" w:hAnsi="Helvetica Light" w:cs="Helvetica Light"/>
          <w:sz w:val="24"/>
          <w:sz-cs w:val="24"/>
        </w:rPr>
        <w:t xml:space="preserve"/>
        <w:tab/>
        <w:t xml:space="preserve">JF:</w:t>
        <w:tab/>
        <w:t xml:space="preserve">Were you under guard?</w:t>
      </w:r>
    </w:p>
    <w:p>
      <w:pPr/>
      <w:r>
        <w:rPr>
          <w:rFonts w:ascii="Helvetica Light" w:hAnsi="Helvetica Light" w:cs="Helvetica Light"/>
          <w:sz w:val="24"/>
          <w:sz-cs w:val="24"/>
        </w:rPr>
        <w:t xml:space="preserve"/>
        <w:tab/>
        <w:t xml:space="preserve">MT: </w:t>
        <w:tab/>
        <w:t xml:space="preserve">No, but we had to report. We had to report to police stations.</w:t>
      </w:r>
    </w:p>
    <w:p>
      <w:pPr/>
      <w:r>
        <w:rPr>
          <w:rFonts w:ascii="Helvetica Light" w:hAnsi="Helvetica Light" w:cs="Helvetica Light"/>
          <w:sz w:val="24"/>
          <w:sz-cs w:val="24"/>
        </w:rPr>
        <w:t xml:space="preserve"/>
        <w:tab/>
        <w:t xml:space="preserve">JF:</w:t>
        <w:tab/>
        <w:t xml:space="preserve">How often?</w:t>
      </w:r>
    </w:p>
    <w:p>
      <w:pPr/>
      <w:r>
        <w:rPr>
          <w:rFonts w:ascii="Helvetica Light" w:hAnsi="Helvetica Light" w:cs="Helvetica Light"/>
          <w:sz w:val="24"/>
          <w:sz-cs w:val="24"/>
        </w:rPr>
        <w:t xml:space="preserve"/>
        <w:tab/>
        <w:t xml:space="preserve">MT:</w:t>
        <w:tab/>
        <w:t xml:space="preserve">My parents had to report, but perhaps it was only my parents, because my father was organizing a underground movement in Hungary. Hungarians deadly were afraid of that, and he was traveling constantly to Budapest, which is the Hungarian capital, and wherever we were he was on the go, from beginning.</w:t>
      </w:r>
    </w:p>
    <w:p>
      <w:pPr/>
      <w:r>
        <w:rPr>
          <w:rFonts w:ascii="Helvetica Light" w:hAnsi="Helvetica Light" w:cs="Helvetica Light"/>
          <w:sz w:val="24"/>
          <w:sz-cs w:val="24"/>
        </w:rPr>
        <w:t xml:space="preserve"/>
        <w:tab/>
        <w:t xml:space="preserve">JF: </w:t>
        <w:tab/>
        <w:t xml:space="preserve">He was organizing a Polish underground?</w:t>
      </w:r>
    </w:p>
    <w:p>
      <w:pPr/>
      <w:r>
        <w:rPr>
          <w:rFonts w:ascii="Helvetica Light" w:hAnsi="Helvetica Light" w:cs="Helvetica Light"/>
          <w:sz w:val="24"/>
          <w:sz-cs w:val="24"/>
        </w:rPr>
        <w:t xml:space="preserve"/>
        <w:tab/>
        <w:t xml:space="preserve">MT:</w:t>
        <w:tab/>
        <w:t xml:space="preserve">Yes.</w:t>
      </w:r>
    </w:p>
    <w:p>
      <w:pPr/>
      <w:r>
        <w:rPr>
          <w:rFonts w:ascii="Helvetica Light" w:hAnsi="Helvetica Light" w:cs="Helvetica Light"/>
          <w:sz w:val="24"/>
          <w:sz-cs w:val="24"/>
        </w:rPr>
        <w:t xml:space="preserve"/>
        <w:tab/>
        <w:t xml:space="preserve">JF:</w:t>
        <w:tab/>
        <w:t xml:space="preserve">Was this linked up with the Polish underground in Poland itself, or was this another?</w:t>
      </w:r>
    </w:p>
    <w:p>
      <w:pPr/>
      <w:r>
        <w:rPr>
          <w:rFonts w:ascii="Helvetica Light" w:hAnsi="Helvetica Light" w:cs="Helvetica Light"/>
          <w:sz w:val="24"/>
          <w:sz-cs w:val="24"/>
        </w:rPr>
        <w:t xml:space="preserve"/>
        <w:tab/>
        <w:t xml:space="preserve">MT: </w:t>
        <w:tab/>
        <w:t xml:space="preserve">This was linked up, I believe, if I see it correctly now, with the military</w:t>
      </w:r>
    </w:p>
    <w:p>
      <w:pPr/>
      <w:r>
        <w:rPr>
          <w:rFonts w:ascii="Helvetica Light" w:hAnsi="Helvetica Light" w:cs="Helvetica Light"/>
          <w:sz w:val="24"/>
          <w:sz-cs w:val="24"/>
        </w:rPr>
        <w:t xml:space="preserve">in Rumania and so forth we had. We had Polish Army outside Poland and it was linked up with them, so what we were doing was actually making artificial passports and smuggling young men through Hungary to Rumania and then they would go to wherever they had to go to fight the Germans.</w:t>
      </w:r>
    </w:p>
    <w:p>
      <w:pPr/>
      <w:r>
        <w:rPr>
          <w:rFonts w:ascii="Helvetica Light" w:hAnsi="Helvetica Light" w:cs="Helvetica Light"/>
          <w:sz w:val="24"/>
          <w:sz-cs w:val="24"/>
        </w:rPr>
        <w:t xml:space="preserve"/>
        <w:tab/>
        <w:t xml:space="preserve">JF:</w:t>
        <w:tab/>
        <w:t xml:space="preserve">Smuggling the young Polish men, who had escaped from Poland to the Polish armies in these other countries? </w:t>
      </w:r>
    </w:p>
    <w:p>
      <w:pPr/>
      <w:r>
        <w:rPr>
          <w:rFonts w:ascii="Helvetica Light" w:hAnsi="Helvetica Light" w:cs="Helvetica Light"/>
          <w:sz w:val="24"/>
          <w:sz-cs w:val="24"/>
        </w:rPr>
        <w:t xml:space="preserve"/>
        <w:tab/>
        <w:t xml:space="preserve">MT:</w:t>
        <w:tab/>
        <w:t xml:space="preserve">There were young Polish men and there were also young Jews. They were all young, I mean they were all Polish, all Polish citizens.  Smuggling Polish citizens. They were willing to fight Hitler.</w:t>
      </w:r>
    </w:p>
    <w:p>
      <w:pPr/>
      <w:r>
        <w:rPr>
          <w:rFonts w:ascii="Helvetica Light" w:hAnsi="Helvetica Light" w:cs="Helvetica Light"/>
          <w:sz w:val="24"/>
          <w:sz-cs w:val="24"/>
        </w:rPr>
        <w:t xml:space="preserve"/>
        <w:tab/>
        <w:t xml:space="preserve">JF:</w:t>
        <w:tab/>
        <w:t xml:space="preserve">So this group then included both Christians and Jews?</w:t>
      </w:r>
    </w:p>
    <w:p>
      <w:pPr/>
      <w:r>
        <w:rPr>
          <w:rFonts w:ascii="Helvetica Light" w:hAnsi="Helvetica Light" w:cs="Helvetica Light"/>
          <w:sz w:val="24"/>
          <w:sz-cs w:val="24"/>
        </w:rPr>
        <w:t xml:space="preserve"/>
        <w:tab/>
        <w:t xml:space="preserve">MT:</w:t>
        <w:tab/>
        <w:t xml:space="preserve">That is correct.</w:t>
      </w:r>
    </w:p>
    <w:p>
      <w:pPr/>
      <w:r>
        <w:rPr>
          <w:rFonts w:ascii="Helvetica Light" w:hAnsi="Helvetica Light" w:cs="Helvetica Light"/>
          <w:sz w:val="24"/>
          <w:sz-cs w:val="24"/>
        </w:rPr>
        <w:t xml:space="preserve"/>
        <w:tab/>
        <w:t xml:space="preserve">JF:</w:t>
        <w:tab/>
        <w:t xml:space="preserve">When your father and your family left Poland, initially it was to escape the Ukrainians who were after you?</w:t>
      </w:r>
    </w:p>
    <w:p>
      <w:pPr/>
      <w:r>
        <w:rPr>
          <w:rFonts w:ascii="Helvetica Light" w:hAnsi="Helvetica Light" w:cs="Helvetica Light"/>
          <w:sz w:val="24"/>
          <w:sz-cs w:val="24"/>
        </w:rPr>
        <w:t xml:space="preserve"/>
        <w:tab/>
        <w:t xml:space="preserve">MT: </w:t>
        <w:tab/>
        <w:t xml:space="preserve">Yes.</w:t>
      </w:r>
    </w:p>
    <w:p>
      <w:pPr/>
      <w:r>
        <w:rPr>
          <w:rFonts w:ascii="Helvetica Light" w:hAnsi="Helvetica Light" w:cs="Helvetica Light"/>
          <w:sz w:val="24"/>
          <w:sz-cs w:val="24"/>
        </w:rPr>
        <w:t xml:space="preserve"/>
        <w:tab/>
        <w:t xml:space="preserve">JF:</w:t>
        <w:tab/>
        <w:t xml:space="preserve">Was he involved in any kind of movement at that time?  Was he a political person then, or was it not until he got to Hungary?</w:t>
      </w:r>
    </w:p>
    <w:p>
      <w:pPr/>
      <w:r>
        <w:rPr>
          <w:rFonts w:ascii="Helvetica Light" w:hAnsi="Helvetica Light" w:cs="Helvetica Light"/>
          <w:sz w:val="24"/>
          <w:sz-cs w:val="24"/>
        </w:rPr>
        <w:t xml:space="preserve"/>
        <w:tab/>
        <w:t xml:space="preserve">MT:</w:t>
        <w:tab/>
        <w:t xml:space="preserve">No, he was not. That is the sad thing. He was not. They were, I think, double-crossed, by the government. They were not aware of whatís going to happen. They were constantly told by government that are ready and able to stop any aggression from Hitlerís side, ëcause Hitler was making a lot of noises, and the world knew it.</w:t>
      </w:r>
    </w:p>
    <w:p>
      <w:pPr/>
      <w:r>
        <w:rPr>
          <w:rFonts w:ascii="Helvetica Light" w:hAnsi="Helvetica Light" w:cs="Helvetica Light"/>
          <w:sz w:val="24"/>
          <w:sz-cs w:val="24"/>
        </w:rPr>
        <w:t xml:space="preserve"/>
        <w:tab/>
        <w:t xml:space="preserve">JF:</w:t>
        <w:tab/>
        <w:t xml:space="preserve">But your father, then, felt deluded by the Polish government? And he was, therefore, not prepared for the invasion?</w:t>
      </w:r>
    </w:p>
    <w:p>
      <w:pPr/>
      <w:r>
        <w:rPr>
          <w:rFonts w:ascii="Helvetica Light" w:hAnsi="Helvetica Light" w:cs="Helvetica Light"/>
          <w:sz w:val="24"/>
          <w:sz-cs w:val="24"/>
        </w:rPr>
        <w:t xml:space="preserve"/>
        <w:tab/>
        <w:t xml:space="preserve">MT:</w:t>
        <w:tab/>
        <w:t xml:space="preserve">Yes. Correct. As a matter of fact he often says that we should have had something. We were told we have it. They would take an airplane, they would take a new machine gun and drive it from place to place and show it to the people what we are doing, the government.</w:t>
      </w:r>
    </w:p>
    <w:p>
      <w:pPr/>
      <w:r>
        <w:rPr>
          <w:rFonts w:ascii="Helvetica Light" w:hAnsi="Helvetica Light" w:cs="Helvetica Light"/>
          <w:sz w:val="24"/>
          <w:sz-cs w:val="24"/>
        </w:rPr>
        <w:t xml:space="preserve"/>
        <w:tab/>
        <w:t xml:space="preserve">JF:</w:t>
        <w:tab/>
        <w:t xml:space="preserve">The government would do this?</w:t>
      </w:r>
    </w:p>
    <w:p>
      <w:pPr/>
      <w:r>
        <w:rPr>
          <w:rFonts w:ascii="Helvetica Light" w:hAnsi="Helvetica Light" w:cs="Helvetica Light"/>
          <w:sz w:val="24"/>
          <w:sz-cs w:val="24"/>
        </w:rPr>
        <w:t xml:space="preserve"/>
        <w:tab/>
        <w:t xml:space="preserve">MT: </w:t>
        <w:tab/>
        <w:t xml:space="preserve">And it would be the same airplane, new airplane and new weapon of some sort, that would travel from city to city, from village to village, just to keep the people confused that things are fine.</w:t>
      </w:r>
    </w:p>
    <w:p>
      <w:pPr/>
      <w:r>
        <w:rPr>
          <w:rFonts w:ascii="Helvetica Light" w:hAnsi="Helvetica Light" w:cs="Helvetica Light"/>
          <w:sz w:val="24"/>
          <w:sz-cs w:val="24"/>
        </w:rPr>
        <w:t xml:space="preserve"/>
        <w:tab/>
        <w:t xml:space="preserve">JF: </w:t>
        <w:tab/>
        <w:t xml:space="preserve">But people as educated and knowledgeable as your father trusted that this indeed was what was going on?</w:t>
      </w:r>
    </w:p>
    <w:p>
      <w:pPr/>
      <w:r>
        <w:rPr>
          <w:rFonts w:ascii="Helvetica Light" w:hAnsi="Helvetica Light" w:cs="Helvetica Light"/>
          <w:sz w:val="24"/>
          <w:sz-cs w:val="24"/>
        </w:rPr>
        <w:t xml:space="preserve"/>
        <w:tab/>
        <w:t xml:space="preserve">MT:</w:t>
        <w:tab/>
        <w:t xml:space="preserve">Yes.</w:t>
      </w:r>
    </w:p>
    <w:p>
      <w:pPr/>
      <w:r>
        <w:rPr>
          <w:rFonts w:ascii="Helvetica Light" w:hAnsi="Helvetica Light" w:cs="Helvetica Light"/>
          <w:sz w:val="24"/>
          <w:sz-cs w:val="24"/>
        </w:rPr>
        <w:t xml:space="preserve"/>
        <w:tab/>
        <w:t xml:space="preserve">JF: </w:t>
        <w:tab/>
        <w:t xml:space="preserve">So that his feeling upon leaving must have been betrayal?</w:t>
      </w:r>
    </w:p>
    <w:p>
      <w:pPr/>
      <w:r>
        <w:rPr>
          <w:rFonts w:ascii="Helvetica Light" w:hAnsi="Helvetica Light" w:cs="Helvetica Light"/>
          <w:sz w:val="24"/>
          <w:sz-cs w:val="24"/>
        </w:rPr>
        <w:t xml:space="preserve"/>
        <w:tab/>
        <w:t xml:space="preserve">MT:</w:t>
        <w:tab/>
        <w:t xml:space="preserve">Betrayal. When somebody made something out of it. Itís a betrayal.</w:t>
      </w:r>
    </w:p>
    <w:p>
      <w:pPr/>
      <w:r>
        <w:rPr>
          <w:rFonts w:ascii="Helvetica Light" w:hAnsi="Helvetica Light" w:cs="Helvetica Light"/>
          <w:sz w:val="24"/>
          <w:sz-cs w:val="24"/>
        </w:rPr>
        <w:t xml:space="preserve"/>
        <w:tab/>
        <w:t xml:space="preserve">JF:</w:t>
        <w:tab/>
        <w:t xml:space="preserve">And yet he was willing to get involved in an underground to restore Polish...</w:t>
      </w:r>
    </w:p>
    <w:p>
      <w:pPr/>
      <w:r>
        <w:rPr>
          <w:rFonts w:ascii="Helvetica Light" w:hAnsi="Helvetica Light" w:cs="Helvetica Light"/>
          <w:sz w:val="24"/>
          <w:sz-cs w:val="24"/>
        </w:rPr>
        <w:t xml:space="preserve"/>
        <w:tab/>
        <w:t xml:space="preserve">MT:</w:t>
        <w:tab/>
        <w:t xml:space="preserve">That is correct, because actually our duty was from then on to fight Hitler with everything you have. Now, he had family.   I donít know whether I could do that, to give up my kids and my wife and go ahead and spend all the time on the road, knowing if I would be caught, their lives are in danger.</w:t>
      </w:r>
    </w:p>
    <w:p>
      <w:pPr/>
      <w:r>
        <w:rPr>
          <w:rFonts w:ascii="Helvetica Light" w:hAnsi="Helvetica Light" w:cs="Helvetica Light"/>
          <w:sz w:val="24"/>
          <w:sz-cs w:val="24"/>
        </w:rPr>
        <w:t xml:space="preserve"/>
        <w:tab/>
        <w:t xml:space="preserve">JF:</w:t>
        <w:tab/>
        <w:t xml:space="preserve">He was supposed to be working, according to this plan, of being in the camps?</w:t>
      </w:r>
    </w:p>
    <w:p>
      <w:pPr/>
      <w:r>
        <w:rPr>
          <w:rFonts w:ascii="Helvetica Light" w:hAnsi="Helvetica Light" w:cs="Helvetica Light"/>
          <w:sz w:val="24"/>
          <w:sz-cs w:val="24"/>
        </w:rPr>
        <w:t xml:space="preserve"/>
        <w:tab/>
        <w:t xml:space="preserve">MT:</w:t>
        <w:tab/>
        <w:t xml:space="preserve">Yes, he had to report to the police station.</w:t>
      </w:r>
    </w:p>
    <w:p>
      <w:pPr/>
      <w:r>
        <w:rPr>
          <w:rFonts w:ascii="Helvetica Light" w:hAnsi="Helvetica Light" w:cs="Helvetica Light"/>
          <w:sz w:val="24"/>
          <w:sz-cs w:val="24"/>
        </w:rPr>
        <w:t xml:space="preserve"/>
        <w:tab/>
        <w:t xml:space="preserve">JF:</w:t>
        <w:tab/>
        <w:t xml:space="preserve">How did he finesse that?</w:t>
      </w:r>
    </w:p>
    <w:p>
      <w:pPr/>
      <w:r>
        <w:rPr>
          <w:rFonts w:ascii="Helvetica Light" w:hAnsi="Helvetica Light" w:cs="Helvetica Light"/>
          <w:sz w:val="24"/>
          <w:sz-cs w:val="24"/>
        </w:rPr>
        <w:t xml:space="preserve"/>
        <w:tab/>
        <w:t xml:space="preserve">MT:</w:t>
        <w:tab/>
        <w:t xml:space="preserve">So, my mother-- we also had other people there, and one of them was like a cousin to us. She grabbed him and she said, whatever his name was, Walter or something, ìYou are coming with me. You are Marian Turzanski.î I am junior; my father is also Marian. So they went to the police station.</w:t>
      </w:r>
    </w:p>
    <w:p>
      <w:pPr/>
      <w:r>
        <w:rPr>
          <w:rFonts w:ascii="Helvetica Light" w:hAnsi="Helvetica Light" w:cs="Helvetica Light"/>
          <w:sz w:val="24"/>
          <w:sz-cs w:val="24"/>
        </w:rPr>
        <w:t xml:space="preserve"/>
        <w:tab/>
        <w:t xml:space="preserve">JF: </w:t>
        <w:tab/>
        <w:t xml:space="preserve">Your mother took him?</w:t>
      </w:r>
    </w:p>
    <w:p>
      <w:pPr/>
      <w:r>
        <w:rPr>
          <w:rFonts w:ascii="Helvetica Light" w:hAnsi="Helvetica Light" w:cs="Helvetica Light"/>
          <w:sz w:val="24"/>
          <w:sz-cs w:val="24"/>
        </w:rPr>
        <w:t xml:space="preserve"/>
        <w:tab/>
        <w:t xml:space="preserve">MT:</w:t>
        <w:tab/>
        <w:t xml:space="preserve">Yes. They went hand by hand and they signed that report. My mother is Ottelia and he was Marian. Later on my father came, and I think that is what actually made them move again. They discovered that my father-- ìWhoís he?î ìOh, heís my husband,î Somebody else was signing, and that is what kicked us out of one place to another. I think that was the reason. I am not sure what made us move so much. Or, maybe it was to get away from Polish border, but no, we didnít want to do that so that we wanted to stay as close as we could...</w:t>
      </w:r>
    </w:p>
    <w:p>
      <w:pPr/>
      <w:r>
        <w:rPr>
          <w:rFonts w:ascii="Helvetica Light" w:hAnsi="Helvetica Light" w:cs="Helvetica Light"/>
          <w:sz w:val="24"/>
          <w:sz-cs w:val="24"/>
        </w:rPr>
        <w:t xml:space="preserve"/>
        <w:tab/>
        <w:t xml:space="preserve">JF:</w:t>
        <w:tab/>
        <w:t xml:space="preserve">How much could your parents share with you during this time of what was going on? What was the role of children in that time? Were they included in any of this discussion?</w:t>
      </w:r>
    </w:p>
    <w:p>
      <w:pPr/>
      <w:r>
        <w:rPr>
          <w:rFonts w:ascii="Helvetica Light" w:hAnsi="Helvetica Light" w:cs="Helvetica Light"/>
          <w:sz w:val="24"/>
          <w:sz-cs w:val="24"/>
        </w:rPr>
        <w:t xml:space="preserve"/>
        <w:tab/>
        <w:t xml:space="preserve">MT:</w:t>
        <w:tab/>
        <w:t xml:space="preserve">We were excluded from all serious talks, because I donít remember any serious meetings, and they had a whole lot of them. We had a lot of parties, and, of course, in Europe children are not part of the adult world. They have their own place. So even at the dinner table, if there is a big party, children do not participate in that because it is for adults. Family gatherings, yes, children have their own place. I remember all those big people coming, with big degrees. There was an awful lot of intelligentsia that left Poland. Actually, thatís all that left Poland, educated individuals that could care less about their wealth. They just took off with their lives. They would always gather and it seemed like a party, but now I understand that those were political meetings.</w:t>
      </w:r>
    </w:p>
    <w:p>
      <w:pPr/>
      <w:r>
        <w:rPr>
          <w:rFonts w:ascii="Helvetica Light" w:hAnsi="Helvetica Light" w:cs="Helvetica Light"/>
          <w:sz w:val="24"/>
          <w:sz-cs w:val="24"/>
        </w:rPr>
        <w:t xml:space="preserve"/>
        <w:tab/>
        <w:t xml:space="preserve">JF:</w:t>
        <w:tab/>
        <w:t xml:space="preserve">This was the time; that was the cover.</w:t>
      </w:r>
    </w:p>
    <w:p>
      <w:pPr/>
      <w:r>
        <w:rPr>
          <w:rFonts w:ascii="Helvetica Light" w:hAnsi="Helvetica Light" w:cs="Helvetica Light"/>
          <w:sz w:val="24"/>
          <w:sz-cs w:val="24"/>
        </w:rPr>
        <w:t xml:space="preserve"/>
        <w:tab/>
        <w:t xml:space="preserve">MT:</w:t>
        <w:tab/>
        <w:t xml:space="preserve">And they even had to hide the radios, thatís in Hungary. Hide the radios and listen to BBC, London.</w:t>
      </w:r>
    </w:p>
    <w:p>
      <w:pPr/>
      <w:r>
        <w:rPr>
          <w:rFonts w:ascii="Helvetica Light" w:hAnsi="Helvetica Light" w:cs="Helvetica Light"/>
          <w:sz w:val="24"/>
          <w:sz-cs w:val="24"/>
        </w:rPr>
        <w:t xml:space="preserve"/>
        <w:tab/>
        <w:t xml:space="preserve">JF:</w:t>
        <w:tab/>
        <w:t xml:space="preserve">What youíre saying is that the parties you are describing were also in Poland?</w:t>
      </w:r>
    </w:p>
    <w:p>
      <w:pPr/>
      <w:r>
        <w:rPr>
          <w:rFonts w:ascii="Helvetica Light" w:hAnsi="Helvetica Light" w:cs="Helvetica Light"/>
          <w:sz w:val="24"/>
          <w:sz-cs w:val="24"/>
        </w:rPr>
        <w:t xml:space="preserve"/>
        <w:tab/>
        <w:t xml:space="preserve">MT: </w:t>
        <w:tab/>
        <w:t xml:space="preserve">No, that was in Hungary.</w:t>
      </w:r>
    </w:p>
    <w:p>
      <w:pPr/>
      <w:r>
        <w:rPr>
          <w:rFonts w:ascii="Helvetica Light" w:hAnsi="Helvetica Light" w:cs="Helvetica Light"/>
          <w:sz w:val="24"/>
          <w:sz-cs w:val="24"/>
        </w:rPr>
        <w:t xml:space="preserve"/>
        <w:tab/>
        <w:t xml:space="preserve">JF:</w:t>
        <w:tab/>
        <w:t xml:space="preserve">This was all in Hungary?</w:t>
      </w:r>
    </w:p>
    <w:p>
      <w:pPr/>
      <w:r>
        <w:rPr>
          <w:rFonts w:ascii="Helvetica Light" w:hAnsi="Helvetica Light" w:cs="Helvetica Light"/>
          <w:sz w:val="24"/>
          <w:sz-cs w:val="24"/>
        </w:rPr>
        <w:t xml:space="preserve"/>
        <w:tab/>
        <w:t xml:space="preserve">MT:</w:t>
        <w:tab/>
        <w:t xml:space="preserve">I am in Hungary now, It was all in Hungary. It was in Keszthely.  I remember thatís where a lot of things were happening. Now in Keszthely also, it was 1942, I believe, or maybe it was later, maybe it was ë44 when Goldreich-- and his first name--I just talked to my parents on the phone yesterday--was Samuel. They went to our priest in Felicenthal [phonetic]. That was the next village, a  German village, and asked him for our baptismal certificates</w:t>
      </w:r>
    </w:p>
    <w:p>
      <w:pPr/>
      <w:r>
        <w:rPr>
          <w:rFonts w:ascii="Helvetica Light" w:hAnsi="Helvetica Light" w:cs="Helvetica Light"/>
          <w:sz w:val="24"/>
          <w:sz-cs w:val="24"/>
        </w:rPr>
        <w:t xml:space="preserve"/>
        <w:tab/>
        <w:t xml:space="preserve">JF:</w:t>
        <w:tab/>
        <w:t xml:space="preserve">This was after you had already left?</w:t>
      </w:r>
    </w:p>
    <w:p>
      <w:pPr/>
      <w:r>
        <w:rPr>
          <w:rFonts w:ascii="Helvetica Light" w:hAnsi="Helvetica Light" w:cs="Helvetica Light"/>
          <w:sz w:val="24"/>
          <w:sz-cs w:val="24"/>
        </w:rPr>
        <w:t xml:space="preserve"/>
        <w:tab/>
        <w:t xml:space="preserve">MT:</w:t>
        <w:tab/>
        <w:t xml:space="preserve">After we left. And I understand that my parents had made an agreement, or asked the priest when they took-- because they were in custody of the, the birth certificates, for some reason. They took it to the priest, and if somebody needs it, give them our certificates.</w:t>
      </w:r>
    </w:p>
    <w:p>
      <w:pPr/>
      <w:r>
        <w:rPr>
          <w:rFonts w:ascii="Helvetica Light" w:hAnsi="Helvetica Light" w:cs="Helvetica Light"/>
          <w:sz w:val="24"/>
          <w:sz-cs w:val="24"/>
        </w:rPr>
        <w:t xml:space="preserve"/>
        <w:tab/>
        <w:t xml:space="preserve">JF:</w:t>
        <w:tab/>
        <w:t xml:space="preserve">Goldreich would not have come directly to your parents to ask for this?</w:t>
      </w:r>
    </w:p>
    <w:p>
      <w:pPr/>
      <w:r>
        <w:rPr>
          <w:rFonts w:ascii="Helvetica Light" w:hAnsi="Helvetica Light" w:cs="Helvetica Light"/>
          <w:sz w:val="24"/>
          <w:sz-cs w:val="24"/>
        </w:rPr>
        <w:t xml:space="preserve"/>
        <w:tab/>
        <w:t xml:space="preserve">MT: </w:t>
        <w:tab/>
        <w:t xml:space="preserve">No, we were not there. After we left he went, because he knew our relationship, I guess. The priest knew our relationship or something.  He went and the priest gave him our birth certificate of our cousin because they were trying to match the ages. Our cousinís name was Walter Turzanski, and he traveled and met us in Keszthely, Hungary, with that birth certificate. </w:t>
      </w:r>
    </w:p>
    <w:p>
      <w:pPr/>
      <w:r>
        <w:rPr>
          <w:rFonts w:ascii="Helvetica Light" w:hAnsi="Helvetica Light" w:cs="Helvetica Light"/>
          <w:sz w:val="24"/>
          <w:sz-cs w:val="24"/>
        </w:rPr>
        <w:t xml:space="preserve"/>
        <w:tab/>
        <w:t xml:space="preserve">JF:</w:t>
        <w:tab/>
        <w:t xml:space="preserve">Mr. Goldreich. </w:t>
      </w:r>
    </w:p>
    <w:p>
      <w:pPr/>
      <w:r>
        <w:rPr>
          <w:rFonts w:ascii="Helvetica Light" w:hAnsi="Helvetica Light" w:cs="Helvetica Light"/>
          <w:sz w:val="24"/>
          <w:sz-cs w:val="24"/>
        </w:rPr>
        <w:t xml:space="preserve"/>
        <w:tab/>
        <w:t xml:space="preserve">MT:</w:t>
        <w:tab/>
        <w:t xml:space="preserve">I remember him, curly hair, tall, good-looking young individual. Young, he was in his 30's. Good looking man. But he came. I thought my father stole him from the train going to Germany, but it was not so. When things got very rough in Poland, he took the birth certificate prior to the-- secured it, he left as a Turzanski.</w:t>
      </w:r>
    </w:p>
    <w:p>
      <w:pPr/>
      <w:r>
        <w:rPr>
          <w:rFonts w:ascii="Helvetica Light" w:hAnsi="Helvetica Light" w:cs="Helvetica Light"/>
          <w:sz w:val="24"/>
          <w:sz-cs w:val="24"/>
        </w:rPr>
        <w:t xml:space="preserve"/>
        <w:tab/>
        <w:t xml:space="preserve">JF:</w:t>
        <w:tab/>
        <w:t xml:space="preserve">What about his family?</w:t>
      </w:r>
    </w:p>
    <w:p>
      <w:pPr/>
      <w:r>
        <w:rPr>
          <w:rFonts w:ascii="Helvetica Light" w:hAnsi="Helvetica Light" w:cs="Helvetica Light"/>
          <w:sz w:val="24"/>
          <w:sz-cs w:val="24"/>
        </w:rPr>
        <w:t xml:space="preserve"/>
        <w:tab/>
        <w:t xml:space="preserve">MT: </w:t>
        <w:tab/>
        <w:t xml:space="preserve">His family was very sad. He told us that his wife-- they were constantly shepherd by Ukrainians. The community was not that big, of us Poles and Jewish, only three families. They were helped out by certain individuals, certain Ukrainians.  Well, it happened prior to, I believe July 4, 1944. July 4, 1944, they picked, like a 4th of July celebration to kill off Jews, I think.</w:t>
      </w:r>
    </w:p>
    <w:p>
      <w:pPr/>
      <w:r>
        <w:rPr>
          <w:rFonts w:ascii="Helvetica Light" w:hAnsi="Helvetica Light" w:cs="Helvetica Light"/>
          <w:sz w:val="24"/>
          <w:sz-cs w:val="24"/>
        </w:rPr>
        <w:t xml:space="preserve"/>
        <w:tab/>
        <w:t xml:space="preserve">JF: </w:t>
        <w:tab/>
        <w:t xml:space="preserve">The Germans or the Ukrainians.</w:t>
      </w:r>
    </w:p>
    <w:p>
      <w:pPr/>
      <w:r>
        <w:rPr>
          <w:rFonts w:ascii="Helvetica Light" w:hAnsi="Helvetica Light" w:cs="Helvetica Light"/>
          <w:sz w:val="24"/>
          <w:sz-cs w:val="24"/>
        </w:rPr>
        <w:t xml:space="preserve"/>
        <w:tab/>
        <w:t xml:space="preserve">MT: </w:t>
        <w:tab/>
        <w:t xml:space="preserve">The Ukrainians. In that territory, cause my grandfather and Walter told us that. His wife for some reason went outside and they shot her. His wife, and we are not certain whether he witnessed that or just did not go out because he knew that he would be destroyed immediately. But his mother, Goldreichís mother, went out to help her daughter-in-law and she was also killed, right there.</w:t>
      </w:r>
    </w:p>
    <w:p>
      <w:pPr/>
      <w:r>
        <w:rPr>
          <w:rFonts w:ascii="Helvetica Light" w:hAnsi="Helvetica Light" w:cs="Helvetica Light"/>
          <w:sz w:val="24"/>
          <w:sz-cs w:val="24"/>
        </w:rPr>
        <w:t xml:space="preserve"/>
        <w:tab/>
        <w:t xml:space="preserve">JF:</w:t>
        <w:tab/>
        <w:t xml:space="preserve">These were by the Ukrainians who lived in the territory?</w:t>
      </w:r>
    </w:p>
    <w:p>
      <w:pPr/>
      <w:r>
        <w:rPr>
          <w:rFonts w:ascii="Helvetica Light" w:hAnsi="Helvetica Light" w:cs="Helvetica Light"/>
          <w:sz w:val="24"/>
          <w:sz-cs w:val="24"/>
        </w:rPr>
        <w:t xml:space="preserve"/>
        <w:tab/>
        <w:t xml:space="preserve">MT:</w:t>
        <w:tab/>
        <w:t xml:space="preserve">Territorial-- there was organized by Hitler a movement prior to the war. Somebody must have known about it,  and they were given an authority to clean out the territory, and itís going to be theirs. They always wanted the Ukrainians. So the Poles and, of course, the Jews, had to go. So, I remember my parents were telling me, one Jewish girl took a refuge in a Ukrainian house. She took their name. She took their religion and she took their garments. She would go to the Orthodox Church with them. On July 4th, my parents just told me, they took her out of the church. There was some service and walked her so many kilometers to kill her with the rest of the group there.</w:t>
      </w:r>
    </w:p>
    <w:p>
      <w:pPr/>
      <w:r>
        <w:rPr>
          <w:rFonts w:ascii="Helvetica Light" w:hAnsi="Helvetica Light" w:cs="Helvetica Light"/>
          <w:sz w:val="24"/>
          <w:sz-cs w:val="24"/>
        </w:rPr>
        <w:t xml:space="preserve"/>
        <w:tab/>
        <w:t xml:space="preserve">JF:</w:t>
        <w:tab/>
        <w:t xml:space="preserve">This was the family that had sheltered her, or other Ukrainians?</w:t>
      </w:r>
    </w:p>
    <w:p>
      <w:pPr/>
      <w:r>
        <w:rPr>
          <w:rFonts w:ascii="Helvetica Light" w:hAnsi="Helvetica Light" w:cs="Helvetica Light"/>
          <w:sz w:val="24"/>
          <w:sz-cs w:val="24"/>
        </w:rPr>
        <w:t xml:space="preserve"/>
        <w:tab/>
        <w:t xml:space="preserve">MT:</w:t>
        <w:tab/>
        <w:t xml:space="preserve">No. The family-- my parents-- the family were not able to stop...</w:t>
      </w:r>
    </w:p>
    <w:p>
      <w:pPr/>
      <w:r>
        <w:rPr>
          <w:rFonts w:ascii="Helvetica Light" w:hAnsi="Helvetica Light" w:cs="Helvetica Light"/>
          <w:sz w:val="24"/>
          <w:sz-cs w:val="24"/>
        </w:rPr>
        <w:t xml:space="preserve"/>
        <w:tab/>
        <w:t xml:space="preserve">JF:</w:t>
        <w:tab/>
        <w:t xml:space="preserve">The family that she was staying with could not stop the other Ukrainians from killing her.</w:t>
      </w:r>
    </w:p>
    <w:p>
      <w:pPr/>
      <w:r>
        <w:rPr>
          <w:rFonts w:ascii="Helvetica Light" w:hAnsi="Helvetica Light" w:cs="Helvetica Light"/>
          <w:sz w:val="24"/>
          <w:sz-cs w:val="24"/>
        </w:rPr>
        <w:t xml:space="preserve"/>
        <w:tab/>
        <w:t xml:space="preserve">MT:</w:t>
        <w:tab/>
        <w:t xml:space="preserve">Yes. Correct. So actually they did not do it, but they could not stop this from happening.</w:t>
      </w:r>
    </w:p>
    <w:p>
      <w:pPr/>
      <w:r>
        <w:rPr>
          <w:rFonts w:ascii="Helvetica Light" w:hAnsi="Helvetica Light" w:cs="Helvetica Light"/>
          <w:sz w:val="24"/>
          <w:sz-cs w:val="24"/>
        </w:rPr>
        <w:t xml:space="preserve"/>
        <w:tab/>
        <w:t xml:space="preserve">JF:</w:t>
        <w:tab/>
        <w:t xml:space="preserve">In other words, it was known that she was not Ukrainian among the...</w:t>
      </w:r>
    </w:p>
    <w:p>
      <w:pPr/>
      <w:r>
        <w:rPr>
          <w:rFonts w:ascii="Helvetica Light" w:hAnsi="Helvetica Light" w:cs="Helvetica Light"/>
          <w:sz w:val="24"/>
          <w:sz-cs w:val="24"/>
        </w:rPr>
        <w:t xml:space="preserve"/>
        <w:tab/>
        <w:t xml:space="preserve">MT:</w:t>
        <w:tab/>
        <w:t xml:space="preserve">It must have been because she...</w:t>
      </w:r>
    </w:p>
    <w:p>
      <w:pPr/>
      <w:r>
        <w:rPr>
          <w:rFonts w:ascii="Helvetica Light" w:hAnsi="Helvetica Light" w:cs="Helvetica Light"/>
          <w:sz w:val="24"/>
          <w:sz-cs w:val="24"/>
        </w:rPr>
        <w:t xml:space="preserve"/>
        <w:tab/>
        <w:t xml:space="preserve">JF:</w:t>
        <w:tab/>
        <w:t xml:space="preserve">Um... </w:t>
      </w:r>
    </w:p>
    <w:p>
      <w:pPr/>
      <w:r>
        <w:rPr>
          <w:rFonts w:ascii="Helvetica Light" w:hAnsi="Helvetica Light" w:cs="Helvetica Light"/>
          <w:sz w:val="24"/>
          <w:sz-cs w:val="24"/>
        </w:rPr>
        <w:t xml:space="preserve"/>
        <w:tab/>
        <w:t xml:space="preserve">MT:</w:t>
        <w:tab/>
        <w:t xml:space="preserve">So, shortly after that, Poles had to go.</w:t>
      </w:r>
    </w:p>
    <w:p>
      <w:pPr/>
      <w:r>
        <w:rPr>
          <w:rFonts w:ascii="Helvetica Light" w:hAnsi="Helvetica Light" w:cs="Helvetica Light"/>
          <w:sz w:val="24"/>
          <w:sz-cs w:val="24"/>
        </w:rPr>
        <w:t xml:space="preserve"/>
        <w:tab/>
        <w:t xml:space="preserve">JF: </w:t>
        <w:tab/>
        <w:t xml:space="preserve">The death of the Goldreich women that you talk about, were the Ukrainians that lived in your immediate area and worked for you and knew you, were they also involved in this? Do you know?  </w:t>
      </w:r>
    </w:p>
    <w:p>
      <w:pPr/>
      <w:r>
        <w:rPr>
          <w:rFonts w:ascii="Helvetica Light" w:hAnsi="Helvetica Light" w:cs="Helvetica Light"/>
          <w:sz w:val="24"/>
          <w:sz-cs w:val="24"/>
        </w:rPr>
        <w:t xml:space="preserve"/>
        <w:tab/>
        <w:t xml:space="preserve">MT:</w:t>
        <w:tab/>
        <w:t xml:space="preserve">I am afraid, yes, because my father wanted to got to Bayonne, New Jersey. There is quite a few that came over here.</w:t>
      </w:r>
    </w:p>
    <w:p>
      <w:pPr/>
      <w:r>
        <w:rPr>
          <w:rFonts w:ascii="Helvetica Light" w:hAnsi="Helvetica Light" w:cs="Helvetica Light"/>
          <w:sz w:val="24"/>
          <w:sz-cs w:val="24"/>
        </w:rPr>
        <w:t xml:space="preserve"/>
        <w:tab/>
        <w:t xml:space="preserve">JF:</w:t>
        <w:tab/>
        <w:t xml:space="preserve">Quite a few...?</w:t>
      </w:r>
    </w:p>
    <w:p>
      <w:pPr/>
      <w:r>
        <w:rPr>
          <w:rFonts w:ascii="Helvetica Light" w:hAnsi="Helvetica Light" w:cs="Helvetica Light"/>
          <w:sz w:val="24"/>
          <w:sz-cs w:val="24"/>
        </w:rPr>
        <w:t xml:space="preserve"/>
        <w:tab/>
        <w:t xml:space="preserve">MT:</w:t>
        <w:tab/>
        <w:t xml:space="preserve">Ukrainians. I work with some. They were in the same camp, and will describe that later on. The Ukrainians that were in charge of the deals, I work with them now. Many times I want to take a camera to work with me, but I am afraid that if I take a picture and show it to my parents, they will die. So I still donít know what I am going to do with that. Walter Turzanski--Samuel Goldreich-- needed shoes. My father took his attachÈ case that he was traveling to Budapest back and forth, to the nearest shoemaker, and I didnít know that at that time, but now my parents say it was illegal for a shoemaker to make shoes for somebody because everything was controlled, leather and everything.  And, even, why you are making shoes for somebody. But my father paid him He was quite an individual, anyway, because he knew certain men. He knew who to go to. Perhaps this was a Jewish shoemaker that he went to.</w:t>
      </w:r>
    </w:p>
    <w:p>
      <w:pPr/>
      <w:r>
        <w:rPr>
          <w:rFonts w:ascii="Helvetica Light" w:hAnsi="Helvetica Light" w:cs="Helvetica Light"/>
          <w:sz w:val="24"/>
          <w:sz-cs w:val="24"/>
        </w:rPr>
        <w:t xml:space="preserve"/>
        <w:tab/>
        <w:t xml:space="preserve">JF:</w:t>
        <w:tab/>
        <w:t xml:space="preserve">Your father?</w:t>
      </w:r>
    </w:p>
    <w:p>
      <w:pPr/>
      <w:r>
        <w:rPr>
          <w:rFonts w:ascii="Helvetica Light" w:hAnsi="Helvetica Light" w:cs="Helvetica Light"/>
          <w:sz w:val="24"/>
          <w:sz-cs w:val="24"/>
        </w:rPr>
        <w:t xml:space="preserve"/>
        <w:tab/>
        <w:t xml:space="preserve">MT:</w:t>
        <w:tab/>
        <w:t xml:space="preserve">Yes, and they made them, and within three hours he had new shoes.</w:t>
      </w:r>
    </w:p>
    <w:p>
      <w:pPr/>
      <w:r>
        <w:rPr>
          <w:rFonts w:ascii="Helvetica Light" w:hAnsi="Helvetica Light" w:cs="Helvetica Light"/>
          <w:sz w:val="24"/>
          <w:sz-cs w:val="24"/>
        </w:rPr>
        <w:t xml:space="preserve"/>
        <w:tab/>
        <w:t xml:space="preserve">JF:</w:t>
        <w:tab/>
        <w:t xml:space="preserve">He needed new shoes?</w:t>
      </w:r>
    </w:p>
    <w:p>
      <w:pPr/>
      <w:r>
        <w:rPr>
          <w:rFonts w:ascii="Helvetica Light" w:hAnsi="Helvetica Light" w:cs="Helvetica Light"/>
          <w:sz w:val="24"/>
          <w:sz-cs w:val="24"/>
        </w:rPr>
        <w:t xml:space="preserve"/>
        <w:tab/>
        <w:t xml:space="preserve">MT:</w:t>
        <w:tab/>
        <w:t xml:space="preserve">He needed shoes. </w:t>
      </w:r>
    </w:p>
    <w:p>
      <w:pPr/>
      <w:r>
        <w:rPr>
          <w:rFonts w:ascii="Helvetica Light" w:hAnsi="Helvetica Light" w:cs="Helvetica Light"/>
          <w:sz w:val="24"/>
          <w:sz-cs w:val="24"/>
        </w:rPr>
        <w:t xml:space="preserve"/>
        <w:tab/>
        <w:t xml:space="preserve">JF:</w:t>
        <w:tab/>
        <w:t xml:space="preserve">He had no shoes. He had escaped. </w:t>
      </w:r>
    </w:p>
    <w:p>
      <w:pPr/>
      <w:r>
        <w:rPr>
          <w:rFonts w:ascii="Helvetica Light" w:hAnsi="Helvetica Light" w:cs="Helvetica Light"/>
          <w:sz w:val="24"/>
          <w:sz-cs w:val="24"/>
        </w:rPr>
        <w:t xml:space="preserve"/>
        <w:tab/>
        <w:t xml:space="preserve">MT:</w:t>
        <w:tab/>
        <w:t xml:space="preserve">No, he had shoes with an awful lot of holes He said that my brother doesnít have any. His other brother was Ossias, and they donít know what name he had.</w:t>
      </w:r>
    </w:p>
    <w:p>
      <w:pPr/>
      <w:r>
        <w:rPr>
          <w:rFonts w:ascii="Helvetica Light" w:hAnsi="Helvetica Light" w:cs="Helvetica Light"/>
          <w:sz w:val="24"/>
          <w:sz-cs w:val="24"/>
        </w:rPr>
        <w:t xml:space="preserve"/>
        <w:tab/>
        <w:t xml:space="preserve">JF: </w:t>
        <w:tab/>
        <w:t xml:space="preserve">He escaped with his brother? </w:t>
      </w:r>
    </w:p>
    <w:p>
      <w:pPr/>
      <w:r>
        <w:rPr>
          <w:rFonts w:ascii="Helvetica Light" w:hAnsi="Helvetica Light" w:cs="Helvetica Light"/>
          <w:sz w:val="24"/>
          <w:sz-cs w:val="24"/>
        </w:rPr>
        <w:t xml:space="preserve"/>
        <w:tab/>
        <w:t xml:space="preserve">MT: </w:t>
        <w:tab/>
        <w:t xml:space="preserve">Yes, and a sister.</w:t>
      </w:r>
    </w:p>
    <w:p>
      <w:pPr/>
      <w:r>
        <w:rPr>
          <w:rFonts w:ascii="Helvetica Light" w:hAnsi="Helvetica Light" w:cs="Helvetica Light"/>
          <w:sz w:val="24"/>
          <w:sz-cs w:val="24"/>
        </w:rPr>
        <w:t xml:space="preserve"/>
        <w:tab/>
        <w:t xml:space="preserve">JF:</w:t>
        <w:tab/>
        <w:t xml:space="preserve">Uh huh.</w:t>
      </w:r>
    </w:p>
    <w:p>
      <w:pPr/>
      <w:r>
        <w:rPr>
          <w:rFonts w:ascii="Helvetica Light" w:hAnsi="Helvetica Light" w:cs="Helvetica Light"/>
          <w:sz w:val="24"/>
          <w:sz-cs w:val="24"/>
        </w:rPr>
        <w:t xml:space="preserve"/>
        <w:tab/>
        <w:t xml:space="preserve">MT:</w:t>
        <w:tab/>
        <w:t xml:space="preserve">And his sister took my motherís birth certificate. She was slightly older than my mother, ten years older, I think. But she ended up as a Ottilia Turzanski, and somebody ran into Ottilia Turzanski in Mexico, in a Polish camp in Mexico, what year I donít know, but my mother was approached, ìWhy were you so snobby? Why didnít you want to talk to me in Mexico?î</w:t>
      </w:r>
    </w:p>
    <w:p>
      <w:pPr/>
      <w:r>
        <w:rPr>
          <w:rFonts w:ascii="Helvetica Light" w:hAnsi="Helvetica Light" w:cs="Helvetica Light"/>
          <w:sz w:val="24"/>
          <w:sz-cs w:val="24"/>
        </w:rPr>
        <w:t xml:space="preserve"/>
        <w:tab/>
        <w:t xml:space="preserve">JF: </w:t>
        <w:tab/>
        <w:t xml:space="preserve">And it was this woman? The sister of...?</w:t>
      </w:r>
    </w:p>
    <w:p>
      <w:pPr/>
      <w:r>
        <w:rPr>
          <w:rFonts w:ascii="Helvetica Light" w:hAnsi="Helvetica Light" w:cs="Helvetica Light"/>
          <w:sz w:val="24"/>
          <w:sz-cs w:val="24"/>
        </w:rPr>
        <w:t xml:space="preserve"/>
        <w:tab/>
        <w:t xml:space="preserve">MT: </w:t>
        <w:tab/>
        <w:t xml:space="preserve">She said, ìI was not,î and she said, ìYes, you were.î This guy must have been bothering her in Mexico. ìCome on, Ottilia, don't you remember me?î and she probably said, ìNo, leave me alone.î My parents were a little bit hurt by that. They were going to ask Red Cross to find these people, but then after they found out, I think it was in Williamsburg where we were, that Ottilia Turzanski was, but maybe there was another Turzanski. Turzanski name is a small family.</w:t>
      </w:r>
    </w:p>
    <w:p>
      <w:pPr/>
      <w:r>
        <w:rPr>
          <w:rFonts w:ascii="Helvetica Light" w:hAnsi="Helvetica Light" w:cs="Helvetica Light"/>
          <w:sz w:val="24"/>
          <w:sz-cs w:val="24"/>
        </w:rPr>
        <w:t xml:space="preserve"/>
        <w:tab/>
        <w:t xml:space="preserve">JF:</w:t>
        <w:tab/>
        <w:t xml:space="preserve">When you say that your parents were hurt...</w:t>
      </w:r>
    </w:p>
    <w:p>
      <w:pPr/>
      <w:r>
        <w:rPr>
          <w:rFonts w:ascii="Helvetica Light" w:hAnsi="Helvetica Light" w:cs="Helvetica Light"/>
          <w:sz w:val="24"/>
          <w:sz-cs w:val="24"/>
        </w:rPr>
        <w:t xml:space="preserve"/>
        <w:tab/>
        <w:t xml:space="preserve">MT:</w:t>
        <w:tab/>
        <w:t xml:space="preserve">That these people did not contact us.</w:t>
      </w:r>
    </w:p>
    <w:p>
      <w:pPr/>
      <w:r>
        <w:rPr>
          <w:rFonts w:ascii="Helvetica Light" w:hAnsi="Helvetica Light" w:cs="Helvetica Light"/>
          <w:sz w:val="24"/>
          <w:sz-cs w:val="24"/>
        </w:rPr>
        <w:t xml:space="preserve"/>
        <w:tab/>
        <w:t xml:space="preserve">JF:</w:t>
        <w:tab/>
        <w:t xml:space="preserve">They never contacted you after the war?</w:t>
      </w:r>
    </w:p>
    <w:p>
      <w:pPr/>
      <w:r>
        <w:rPr>
          <w:rFonts w:ascii="Helvetica Light" w:hAnsi="Helvetica Light" w:cs="Helvetica Light"/>
          <w:sz w:val="24"/>
          <w:sz-cs w:val="24"/>
        </w:rPr>
        <w:t xml:space="preserve"/>
        <w:tab/>
        <w:t xml:space="preserve">MT: </w:t>
        <w:tab/>
        <w:t xml:space="preserve">No, that. Nobody wants anything but there is always, ìThank you.î That helps a little bit.</w:t>
      </w:r>
    </w:p>
    <w:p>
      <w:pPr/>
      <w:r>
        <w:rPr>
          <w:rFonts w:ascii="Helvetica Light" w:hAnsi="Helvetica Light" w:cs="Helvetica Light"/>
          <w:sz w:val="24"/>
          <w:sz-cs w:val="24"/>
        </w:rPr>
        <w:t xml:space="preserve"/>
        <w:tab/>
        <w:t xml:space="preserve">JF:</w:t>
        <w:tab/>
        <w:t xml:space="preserve">Of course.</w:t>
      </w:r>
    </w:p>
    <w:p>
      <w:pPr/>
      <w:r>
        <w:rPr>
          <w:rFonts w:ascii="Helvetica Light" w:hAnsi="Helvetica Light" w:cs="Helvetica Light"/>
          <w:sz w:val="24"/>
          <w:sz-cs w:val="24"/>
        </w:rPr>
        <w:t xml:space="preserve"/>
        <w:tab/>
        <w:t xml:space="preserve">MT: </w:t>
        <w:tab/>
        <w:t xml:space="preserve">But, having so many hurts, this is actually--  these people probably got hurt also tremendously. They are all at an age. I was going to check in Israel. If they are alive, they would be in Israel now, because where else could they go? They could not go back to Poland. They couldnít go any place. They would be there. Someday perhaps-- have to do it fast.  I can do that for my parents. </w:t>
      </w:r>
    </w:p>
    <w:p>
      <w:pPr/>
      <w:r>
        <w:rPr>
          <w:rFonts w:ascii="Helvetica Light" w:hAnsi="Helvetica Light" w:cs="Helvetica Light"/>
          <w:sz w:val="24"/>
          <w:sz-cs w:val="24"/>
        </w:rPr>
        <w:t xml:space="preserve"/>
        <w:tab/>
        <w:t xml:space="preserve">JF: </w:t>
        <w:tab/>
        <w:t xml:space="preserve">Were there any children involved?  Were there any Goldreich children from that marriage?</w:t>
      </w:r>
    </w:p>
    <w:p>
      <w:pPr/>
      <w:r>
        <w:rPr>
          <w:rFonts w:ascii="Helvetica Light" w:hAnsi="Helvetica Light" w:cs="Helvetica Light"/>
          <w:sz w:val="24"/>
          <w:sz-cs w:val="24"/>
        </w:rPr>
        <w:t xml:space="preserve"/>
        <w:tab/>
        <w:t xml:space="preserve">MT:</w:t>
        <w:tab/>
        <w:t xml:space="preserve">I havenít heard of Walter saying anything, or my parents saying that there was a child left behind. I think there was another family, Reinhart.</w:t>
      </w:r>
    </w:p>
    <w:p>
      <w:pPr/>
      <w:r>
        <w:rPr>
          <w:rFonts w:ascii="Helvetica Light" w:hAnsi="Helvetica Light" w:cs="Helvetica Light"/>
          <w:sz w:val="24"/>
          <w:sz-cs w:val="24"/>
        </w:rPr>
        <w:t xml:space="preserve"/>
        <w:tab/>
        <w:t xml:space="preserve">JF:</w:t>
        <w:tab/>
        <w:t xml:space="preserve">This was another Jewish family?</w:t>
      </w:r>
    </w:p>
    <w:p>
      <w:pPr/>
      <w:r>
        <w:rPr>
          <w:rFonts w:ascii="Helvetica Light" w:hAnsi="Helvetica Light" w:cs="Helvetica Light"/>
          <w:sz w:val="24"/>
          <w:sz-cs w:val="24"/>
        </w:rPr>
        <w:t xml:space="preserve"/>
        <w:tab/>
        <w:t xml:space="preserve">MT: </w:t>
        <w:tab/>
        <w:t xml:space="preserve">Yes, They left, but they left their son in Poland with somebody, and my parents feel that he is still in Poland, that he survived.</w:t>
      </w:r>
    </w:p>
    <w:p>
      <w:pPr/>
      <w:r>
        <w:rPr>
          <w:rFonts w:ascii="Helvetica Light" w:hAnsi="Helvetica Light" w:cs="Helvetica Light"/>
          <w:sz w:val="24"/>
          <w:sz-cs w:val="24"/>
        </w:rPr>
        <w:t xml:space="preserve"/>
        <w:tab/>
        <w:t xml:space="preserve">JF:</w:t>
        <w:tab/>
        <w:t xml:space="preserve">They left their child with a Christian family? </w:t>
      </w:r>
    </w:p>
    <w:p>
      <w:pPr/>
      <w:r>
        <w:rPr>
          <w:rFonts w:ascii="Helvetica Light" w:hAnsi="Helvetica Light" w:cs="Helvetica Light"/>
          <w:sz w:val="24"/>
          <w:sz-cs w:val="24"/>
        </w:rPr>
        <w:t xml:space="preserve"/>
        <w:tab/>
        <w:t xml:space="preserve">MT:</w:t>
        <w:tab/>
        <w:t xml:space="preserve">Yes. That is correct.</w:t>
      </w:r>
    </w:p>
    <w:p>
      <w:pPr/>
      <w:r>
        <w:rPr>
          <w:rFonts w:ascii="Helvetica Light" w:hAnsi="Helvetica Light" w:cs="Helvetica Light"/>
          <w:sz w:val="24"/>
          <w:sz-cs w:val="24"/>
        </w:rPr>
        <w:t xml:space="preserve"/>
        <w:tab/>
        <w:t xml:space="preserve">JF:</w:t>
        <w:tab/>
        <w:t xml:space="preserve">And they donít know what happened to that family? They assume that they might have died.</w:t>
      </w:r>
    </w:p>
    <w:p>
      <w:pPr/>
      <w:r>
        <w:rPr>
          <w:rFonts w:ascii="Helvetica Light" w:hAnsi="Helvetica Light" w:cs="Helvetica Light"/>
          <w:sz w:val="24"/>
          <w:sz-cs w:val="24"/>
        </w:rPr>
        <w:t xml:space="preserve"/>
        <w:tab/>
        <w:t xml:space="preserve">MT:</w:t>
        <w:tab/>
        <w:t xml:space="preserve">The Reinharts probably are not alive because whoever ran would be caught eventually. Jews had one problem in Europe, that they were circumcised. Nobody else was. When my boy was born, and I donít know why--first thing I wanted, I insisted on, but my wife was objecting to it, that he get circumcised, ëcause I donít want him to be different from the people that live here. Heís a native.</w:t>
      </w:r>
    </w:p>
    <w:p>
      <w:pPr/>
      <w:r>
        <w:rPr>
          <w:rFonts w:ascii="Helvetica Light" w:hAnsi="Helvetica Light" w:cs="Helvetica Light"/>
          <w:sz w:val="24"/>
          <w:sz-cs w:val="24"/>
        </w:rPr>
        <w:t xml:space="preserve"/>
        <w:tab/>
        <w:t xml:space="preserve">JF: </w:t>
        <w:tab/>
        <w:t xml:space="preserve">Because the American males are all circumcised?</w:t>
      </w:r>
    </w:p>
    <w:p>
      <w:pPr/>
      <w:r>
        <w:rPr>
          <w:rFonts w:ascii="Helvetica Light" w:hAnsi="Helvetica Light" w:cs="Helvetica Light"/>
          <w:sz w:val="24"/>
          <w:sz-cs w:val="24"/>
        </w:rPr>
        <w:t xml:space="preserve"/>
        <w:tab/>
        <w:t xml:space="preserve">MT: </w:t>
        <w:tab/>
        <w:t xml:space="preserve">And I am also circumcised.</w:t>
      </w:r>
    </w:p>
    <w:p>
      <w:pPr/>
      <w:r>
        <w:rPr>
          <w:rFonts w:ascii="Helvetica Light" w:hAnsi="Helvetica Light" w:cs="Helvetica Light"/>
          <w:sz w:val="24"/>
          <w:sz-cs w:val="24"/>
        </w:rPr>
        <w:t xml:space="preserve"/>
        <w:tab/>
        <w:t xml:space="preserve">JF:</w:t>
        <w:tab/>
        <w:t xml:space="preserve">You were circumcised after you came to the United States?  </w:t>
      </w:r>
    </w:p>
    <w:p>
      <w:pPr/>
      <w:r>
        <w:rPr>
          <w:rFonts w:ascii="Helvetica Light" w:hAnsi="Helvetica Light" w:cs="Helvetica Light"/>
          <w:sz w:val="24"/>
          <w:sz-cs w:val="24"/>
        </w:rPr>
        <w:t xml:space="preserve"/>
        <w:tab/>
        <w:t xml:space="preserve">MT:</w:t>
        <w:tab/>
        <w:t xml:space="preserve">Yes, three or four years ago, I donít know why. Gives me a tremendous, I donít know, something...</w:t>
      </w:r>
    </w:p>
    <w:p>
      <w:pPr/>
      <w:r>
        <w:rPr>
          <w:rFonts w:ascii="Helvetica Light" w:hAnsi="Helvetica Light" w:cs="Helvetica Light"/>
          <w:sz w:val="24"/>
          <w:sz-cs w:val="24"/>
        </w:rPr>
        <w:t xml:space="preserve"/>
        <w:tab/>
        <w:t xml:space="preserve">JF: </w:t>
        <w:tab/>
        <w:t xml:space="preserve">I think you are answering why-- the feeling of that being a differentiating factor from the...</w:t>
      </w:r>
    </w:p>
    <w:p>
      <w:pPr/>
      <w:r>
        <w:rPr>
          <w:rFonts w:ascii="Helvetica Light" w:hAnsi="Helvetica Light" w:cs="Helvetica Light"/>
          <w:sz w:val="24"/>
          <w:sz-cs w:val="24"/>
        </w:rPr>
        <w:t xml:space="preserve"/>
        <w:tab/>
        <w:t xml:space="preserve">MT:</w:t>
        <w:tab/>
        <w:t xml:space="preserve">I think itís the fear or something, but then you get so much pleasure when you become wanted, just like somebody accepts you, or something. They had that problem, so I often-- nobody talks to you, because in Europe you donít talk to children about sex or anything. But I often wondered if he was clever enough, he could have got circumcised.</w:t>
      </w:r>
    </w:p>
    <w:p>
      <w:pPr/>
      <w:r>
        <w:rPr>
          <w:rFonts w:ascii="Helvetica Light" w:hAnsi="Helvetica Light" w:cs="Helvetica Light"/>
          <w:sz w:val="24"/>
          <w:sz-cs w:val="24"/>
        </w:rPr>
        <w:t xml:space="preserve"/>
        <w:tab/>
        <w:t xml:space="preserve">JF:</w:t>
        <w:tab/>
        <w:t xml:space="preserve">Walter?</w:t>
      </w:r>
    </w:p>
    <w:p>
      <w:pPr/>
      <w:r>
        <w:rPr>
          <w:rFonts w:ascii="Helvetica Light" w:hAnsi="Helvetica Light" w:cs="Helvetica Light"/>
          <w:sz w:val="24"/>
          <w:sz-cs w:val="24"/>
        </w:rPr>
        <w:t xml:space="preserve"/>
        <w:tab/>
        <w:t xml:space="preserve">MT: </w:t>
        <w:tab/>
        <w:t xml:space="preserve">Sure. I mean, he was circumcised, the opposite. Thatís what was bad. As a child I wasnít exposed to that. How easy it was to separate the Jewish male from the rest of the people in the territory.</w:t>
      </w:r>
    </w:p>
    <w:p>
      <w:pPr/>
      <w:r>
        <w:rPr>
          <w:rFonts w:ascii="Helvetica Light" w:hAnsi="Helvetica Light" w:cs="Helvetica Light"/>
          <w:sz w:val="24"/>
          <w:sz-cs w:val="24"/>
        </w:rPr>
        <w:t xml:space="preserve"/>
        <w:tab/>
        <w:t xml:space="preserve">JF:</w:t>
        <w:tab/>
        <w:t xml:space="preserve">Your parents gave their papers, their baptismal certificates, at what point, to the church?</w:t>
      </w:r>
    </w:p>
    <w:p>
      <w:pPr/>
      <w:r>
        <w:rPr>
          <w:rFonts w:ascii="Helvetica Light" w:hAnsi="Helvetica Light" w:cs="Helvetica Light"/>
          <w:sz w:val="24"/>
          <w:sz-cs w:val="24"/>
        </w:rPr>
        <w:t xml:space="preserve"/>
        <w:tab/>
        <w:t xml:space="preserve">MT:</w:t>
        <w:tab/>
        <w:t xml:space="preserve">When the war started, when my father was going to go to war, they both went. For some reason, like I said, there was an awful lot of talking and everything was uncertain, whatís going to happen. I donít think they were planning to go to Hungary, but they were planning to run someplace from where we are because the territory was not proper to survive. </w:t>
      </w:r>
    </w:p>
    <w:p>
      <w:pPr/>
      <w:r>
        <w:rPr>
          <w:rFonts w:ascii="Helvetica Light" w:hAnsi="Helvetica Light" w:cs="Helvetica Light"/>
          <w:sz w:val="24"/>
          <w:sz-cs w:val="24"/>
        </w:rPr>
        <w:t xml:space="preserve"/>
        <w:tab/>
        <w:t xml:space="preserve">JF:</w:t>
        <w:tab/>
        <w:t xml:space="preserve">Did this leave them without any papers of their own?</w:t>
      </w:r>
    </w:p>
    <w:p>
      <w:pPr/>
      <w:r>
        <w:rPr>
          <w:rFonts w:ascii="Helvetica Light" w:hAnsi="Helvetica Light" w:cs="Helvetica Light"/>
          <w:sz w:val="24"/>
          <w:sz-cs w:val="24"/>
        </w:rPr>
        <w:t xml:space="preserve"/>
        <w:tab/>
        <w:t xml:space="preserve">MT: </w:t>
        <w:tab/>
        <w:t xml:space="preserve">We didnít need any. In your own country you donít need yourself, but Jews would need the papers.</w:t>
      </w:r>
    </w:p>
    <w:p>
      <w:pPr/>
      <w:r>
        <w:rPr>
          <w:rFonts w:ascii="Helvetica Light" w:hAnsi="Helvetica Light" w:cs="Helvetica Light"/>
          <w:sz w:val="24"/>
          <w:sz-cs w:val="24"/>
        </w:rPr>
        <w:t xml:space="preserve"/>
        <w:tab/>
        <w:t xml:space="preserve">JF:</w:t>
        <w:tab/>
        <w:t xml:space="preserve">So, he assumed, then, that Jews would use these papers? </w:t>
      </w:r>
    </w:p>
    <w:p>
      <w:pPr/>
      <w:r>
        <w:rPr>
          <w:rFonts w:ascii="Helvetica Light" w:hAnsi="Helvetica Light" w:cs="Helvetica Light"/>
          <w:sz w:val="24"/>
          <w:sz-cs w:val="24"/>
        </w:rPr>
        <w:t xml:space="preserve"/>
        <w:tab/>
        <w:t xml:space="preserve">MT:</w:t>
        <w:tab/>
        <w:t xml:space="preserve">Thatís the only reason priest would even have the name of a priest. Otherwise he would never release it to anybody. They even gave him the name of the priest, someplace...</w:t>
      </w:r>
    </w:p>
    <w:p>
      <w:pPr/>
      <w:r>
        <w:rPr>
          <w:rFonts w:ascii="Helvetica Light" w:hAnsi="Helvetica Light" w:cs="Helvetica Light"/>
          <w:sz w:val="24"/>
          <w:sz-cs w:val="24"/>
        </w:rPr>
        <w:t xml:space="preserve"/>
        <w:tab/>
        <w:t xml:space="preserve">JF:</w:t>
        <w:tab/>
        <w:t xml:space="preserve">And the priest was cooperative, obviously?</w:t>
      </w:r>
    </w:p>
    <w:p>
      <w:pPr/>
      <w:r>
        <w:rPr>
          <w:rFonts w:ascii="Helvetica Light" w:hAnsi="Helvetica Light" w:cs="Helvetica Light"/>
          <w:sz w:val="24"/>
          <w:sz-cs w:val="24"/>
        </w:rPr>
        <w:t xml:space="preserve"/>
        <w:tab/>
        <w:t xml:space="preserve">MT: </w:t>
        <w:tab/>
        <w:t xml:space="preserve">And the priest gave them-- matter of fact, Walter Turzanski started by saying, ìI hope you forgive me, but I have taken my name because my parents call him Samuel Goldreich. No, Iím Walter Turzanski; please forgive me I took your name.î</w:t>
      </w:r>
    </w:p>
    <w:p>
      <w:pPr/>
      <w:r>
        <w:rPr>
          <w:rFonts w:ascii="Helvetica Light" w:hAnsi="Helvetica Light" w:cs="Helvetica Light"/>
          <w:sz w:val="24"/>
          <w:sz-cs w:val="24"/>
        </w:rPr>
        <w:t xml:space="preserve"/>
        <w:tab/>
        <w:t xml:space="preserve">JF:</w:t>
        <w:tab/>
        <w:t xml:space="preserve">And where was the cousin, the Walter?</w:t>
      </w:r>
    </w:p>
    <w:p>
      <w:pPr/>
      <w:r>
        <w:rPr>
          <w:rFonts w:ascii="Helvetica Light" w:hAnsi="Helvetica Light" w:cs="Helvetica Light"/>
          <w:sz w:val="24"/>
          <w:sz-cs w:val="24"/>
        </w:rPr>
        <w:t xml:space="preserve"/>
        <w:tab/>
        <w:t xml:space="preserve">MT: </w:t>
        <w:tab/>
        <w:t xml:space="preserve">Walter Turzanski went to war. He was in military. Just like my father was going. I think thatís what happened, they going to jump on the tanks. The military movement, they were going to join and go. I think thatís when they decided to get rid of their whatever.</w:t>
      </w:r>
    </w:p>
    <w:p>
      <w:pPr/>
      <w:r>
        <w:rPr>
          <w:rFonts w:ascii="Helvetica Light" w:hAnsi="Helvetica Light" w:cs="Helvetica Light"/>
          <w:sz w:val="24"/>
          <w:sz-cs w:val="24"/>
        </w:rPr>
        <w:t xml:space="preserve"/>
        <w:tab/>
        <w:t xml:space="preserve">JF: </w:t>
        <w:tab/>
        <w:t xml:space="preserve">So, the real Walter Turzanski went into the army?</w:t>
      </w:r>
    </w:p>
    <w:p>
      <w:pPr/>
      <w:r>
        <w:rPr>
          <w:rFonts w:ascii="Helvetica Light" w:hAnsi="Helvetica Light" w:cs="Helvetica Light"/>
          <w:sz w:val="24"/>
          <w:sz-cs w:val="24"/>
        </w:rPr>
        <w:t xml:space="preserve"/>
        <w:tab/>
        <w:t xml:space="preserve">MT:</w:t>
        <w:tab/>
        <w:t xml:space="preserve"> Went into the army and he is probably dead.</w:t>
      </w:r>
    </w:p>
    <w:p>
      <w:pPr/>
      <w:r>
        <w:rPr>
          <w:rFonts w:ascii="Helvetica Light" w:hAnsi="Helvetica Light" w:cs="Helvetica Light"/>
          <w:sz w:val="24"/>
          <w:sz-cs w:val="24"/>
        </w:rPr>
        <w:t xml:space="preserve"/>
        <w:tab/>
        <w:t xml:space="preserve">JF:</w:t>
        <w:tab/>
        <w:t xml:space="preserve">They never heard from him?</w:t>
      </w:r>
    </w:p>
    <w:p>
      <w:pPr/>
      <w:r>
        <w:rPr>
          <w:rFonts w:ascii="Helvetica Light" w:hAnsi="Helvetica Light" w:cs="Helvetica Light"/>
          <w:sz w:val="24"/>
          <w:sz-cs w:val="24"/>
        </w:rPr>
        <w:t xml:space="preserve"/>
        <w:tab/>
        <w:t xml:space="preserve">MT:</w:t>
        <w:tab/>
        <w:t xml:space="preserve">No, no, we never heard from him.</w:t>
      </w:r>
    </w:p>
    <w:p>
      <w:pPr/>
      <w:r>
        <w:rPr>
          <w:rFonts w:ascii="Helvetica Light" w:hAnsi="Helvetica Light" w:cs="Helvetica Light"/>
          <w:sz w:val="24"/>
          <w:sz-cs w:val="24"/>
        </w:rPr>
        <w:t xml:space="preserve"/>
        <w:tab/>
        <w:t xml:space="preserve">JF:</w:t>
        <w:tab/>
        <w:t xml:space="preserve">So, when you talk about Walter now you are referring to Samuel Goldreich?</w:t>
      </w:r>
    </w:p>
    <w:p>
      <w:pPr/>
      <w:r>
        <w:rPr>
          <w:rFonts w:ascii="Helvetica Light" w:hAnsi="Helvetica Light" w:cs="Helvetica Light"/>
          <w:sz w:val="24"/>
          <w:sz-cs w:val="24"/>
        </w:rPr>
        <w:t xml:space="preserve"/>
        <w:tab/>
        <w:t xml:space="preserve">MT: </w:t>
        <w:tab/>
        <w:t xml:space="preserve">Yes, but after the war again, but I donít know why, but Hannah Goldberg, Goldreich, still stayed as Ottilia Turzanski, my motherís name.</w:t>
      </w:r>
    </w:p>
    <w:p>
      <w:pPr/>
      <w:r>
        <w:rPr>
          <w:rFonts w:ascii="Helvetica Light" w:hAnsi="Helvetica Light" w:cs="Helvetica Light"/>
          <w:sz w:val="24"/>
          <w:sz-cs w:val="24"/>
        </w:rPr>
        <w:t xml:space="preserve"/>
        <w:tab/>
        <w:t xml:space="preserve">JF:</w:t>
        <w:tab/>
        <w:t xml:space="preserve">Which is your motherís name.</w:t>
      </w:r>
    </w:p>
    <w:p>
      <w:pPr/>
      <w:r>
        <w:rPr>
          <w:rFonts w:ascii="Helvetica Light" w:hAnsi="Helvetica Light" w:cs="Helvetica Light"/>
          <w:sz w:val="24"/>
          <w:sz-cs w:val="24"/>
        </w:rPr>
        <w:t xml:space="preserve"/>
        <w:tab/>
        <w:t xml:space="preserve">MT:</w:t>
        <w:tab/>
        <w:t xml:space="preserve">Yes, because I would first thing after the war go back, but maybe it was still so uncertain, still scared, perhaps because you never know what can happen, and once you get scared like that you donít trust anybody. Matter of fact, I donít like to open up to anybody. I am a closed person. Even when I go to school, I went to Temple University to take some psychological counseling courses, and they would ask each student to say something about himself, open up his heart to the rest of the class so they know him, and I didnít want to. I said, ìMy life is my story and, if you donít mind, I would just like to get education here,î and they didnít like that.  That was in Hungary. Then shortly after that, when Walter left...</w:t>
      </w:r>
    </w:p>
    <w:p>
      <w:pPr/>
      <w:r>
        <w:rPr>
          <w:rFonts w:ascii="Helvetica Light" w:hAnsi="Helvetica Light" w:cs="Helvetica Light"/>
          <w:sz w:val="24"/>
          <w:sz-cs w:val="24"/>
        </w:rPr>
        <w:t xml:space="preserve"/>
        <w:tab/>
        <w:t xml:space="preserve">JF:</w:t>
        <w:tab/>
        <w:t xml:space="preserve">Walter left for where?</w:t>
      </w:r>
    </w:p>
    <w:p>
      <w:pPr/>
      <w:r>
        <w:rPr>
          <w:rFonts w:ascii="Helvetica Light" w:hAnsi="Helvetica Light" w:cs="Helvetica Light"/>
          <w:sz w:val="24"/>
          <w:sz-cs w:val="24"/>
        </w:rPr>
        <w:t xml:space="preserve"/>
        <w:tab/>
        <w:t xml:space="preserve">MT:</w:t>
        <w:tab/>
        <w:t xml:space="preserve">For, Iím not sure. He was given the shoes and he was given some money and a passport. Now, I donít know whether as went to Rumania, or whether he went to-- I think he went back to his brother, but they were traveling, they were free. They had some plan, I think. They had a name [unclear] I am not sure, actually I would have to check on that, and if I may, I mean if you need it, I can follow up on that. Then we heard that shortly after, it was July 4, 1944, when they finished off the territorial Jews...</w:t>
      </w:r>
    </w:p>
    <w:p>
      <w:pPr/>
      <w:r>
        <w:rPr>
          <w:rFonts w:ascii="Helvetica Light" w:hAnsi="Helvetica Light" w:cs="Helvetica Light"/>
          <w:sz w:val="24"/>
          <w:sz-cs w:val="24"/>
        </w:rPr>
        <w:t xml:space="preserve"/>
        <w:tab/>
        <w:t xml:space="preserve">JF:</w:t>
        <w:tab/>
        <w:t xml:space="preserve">Did you hear about that at the time?</w:t>
      </w:r>
    </w:p>
    <w:p>
      <w:pPr/>
      <w:r>
        <w:rPr>
          <w:rFonts w:ascii="Helvetica Light" w:hAnsi="Helvetica Light" w:cs="Helvetica Light"/>
          <w:sz w:val="24"/>
          <w:sz-cs w:val="24"/>
        </w:rPr>
        <w:t xml:space="preserve"/>
        <w:tab/>
        <w:t xml:space="preserve">MT:</w:t>
        <w:tab/>
        <w:t xml:space="preserve">No.</w:t>
      </w:r>
    </w:p>
    <w:p>
      <w:pPr/>
      <w:r>
        <w:rPr>
          <w:rFonts w:ascii="Helvetica Light" w:hAnsi="Helvetica Light" w:cs="Helvetica Light"/>
          <w:sz w:val="24"/>
          <w:sz-cs w:val="24"/>
        </w:rPr>
        <w:t xml:space="preserve"/>
        <w:tab/>
        <w:t xml:space="preserve">JF:</w:t>
        <w:tab/>
        <w:t xml:space="preserve">You found out about it later?</w:t>
      </w:r>
    </w:p>
    <w:p>
      <w:pPr/>
      <w:r>
        <w:rPr>
          <w:rFonts w:ascii="Helvetica Light" w:hAnsi="Helvetica Light" w:cs="Helvetica Light"/>
          <w:sz w:val="24"/>
          <w:sz-cs w:val="24"/>
        </w:rPr>
        <w:t xml:space="preserve"/>
        <w:tab/>
        <w:t xml:space="preserve">MT:</w:t>
        <w:tab/>
        <w:t xml:space="preserve">I heard it when Walter in Kesthely, in Hungary, when he cried when he talked about his wife and his mother killed.</w:t>
      </w:r>
    </w:p>
    <w:p>
      <w:pPr/>
      <w:r>
        <w:rPr>
          <w:rFonts w:ascii="Helvetica Light" w:hAnsi="Helvetica Light" w:cs="Helvetica Light"/>
          <w:sz w:val="24"/>
          <w:sz-cs w:val="24"/>
        </w:rPr>
        <w:t xml:space="preserve"/>
        <w:tab/>
        <w:t xml:space="preserve">JF:</w:t>
        <w:tab/>
        <w:t xml:space="preserve">Thatís when you heard about it?</w:t>
      </w:r>
    </w:p>
    <w:p>
      <w:pPr/>
      <w:r>
        <w:rPr>
          <w:rFonts w:ascii="Helvetica Light" w:hAnsi="Helvetica Light" w:cs="Helvetica Light"/>
          <w:sz w:val="24"/>
          <w:sz-cs w:val="24"/>
        </w:rPr>
        <w:t xml:space="preserve"/>
        <w:tab/>
        <w:t xml:space="preserve">MT: </w:t>
        <w:tab/>
        <w:t xml:space="preserve">By Ukrainians.</w:t>
      </w:r>
    </w:p>
    <w:p>
      <w:pPr/>
      <w:r>
        <w:rPr>
          <w:rFonts w:ascii="Helvetica Light" w:hAnsi="Helvetica Light" w:cs="Helvetica Light"/>
          <w:sz w:val="24"/>
          <w:sz-cs w:val="24"/>
        </w:rPr>
        <w:t xml:space="preserve"/>
        <w:tab/>
        <w:t xml:space="preserve">JF:</w:t>
        <w:tab/>
        <w:t xml:space="preserve">The date of this massacre was July 4th.</w:t>
      </w:r>
    </w:p>
    <w:p>
      <w:pPr/>
      <w:r>
        <w:rPr>
          <w:rFonts w:ascii="Helvetica Light" w:hAnsi="Helvetica Light" w:cs="Helvetica Light"/>
          <w:sz w:val="24"/>
          <w:sz-cs w:val="24"/>
        </w:rPr>
        <w:t xml:space="preserve"/>
        <w:tab/>
        <w:t xml:space="preserve">MT:</w:t>
        <w:tab/>
        <w:t xml:space="preserve">1944.</w:t>
      </w:r>
    </w:p>
    <w:p>
      <w:pPr/>
      <w:r>
        <w:rPr>
          <w:rFonts w:ascii="Helvetica Light" w:hAnsi="Helvetica Light" w:cs="Helvetica Light"/>
          <w:sz w:val="24"/>
          <w:sz-cs w:val="24"/>
        </w:rPr>
        <w:t xml:space="preserve"/>
        <w:tab/>
        <w:t xml:space="preserve">JF:</w:t>
        <w:tab/>
        <w:t xml:space="preserve">1944, and it was shortly after that that Walter came-- was able to escape.</w:t>
      </w:r>
    </w:p>
    <w:p>
      <w:pPr/>
      <w:r>
        <w:rPr>
          <w:rFonts w:ascii="Helvetica Light" w:hAnsi="Helvetica Light" w:cs="Helvetica Light"/>
          <w:sz w:val="24"/>
          <w:sz-cs w:val="24"/>
        </w:rPr>
        <w:t xml:space="preserve"/>
        <w:tab/>
        <w:t xml:space="preserve">MT: </w:t>
        <w:tab/>
        <w:t xml:space="preserve">No, it war prior to that, I believe. I think it was prior to that, but they killed his wife sooner, but this was a mass movement</w:t>
      </w:r>
    </w:p>
    <w:p>
      <w:pPr/>
      <w:r>
        <w:rPr>
          <w:rFonts w:ascii="Helvetica Light" w:hAnsi="Helvetica Light" w:cs="Helvetica Light"/>
          <w:sz w:val="24"/>
          <w:sz-cs w:val="24"/>
        </w:rPr>
        <w:t xml:space="preserve"/>
        <w:tab/>
        <w:t xml:space="preserve">JF:</w:t>
        <w:tab/>
        <w:t xml:space="preserve">A mass movement?</w:t>
      </w:r>
    </w:p>
    <w:p>
      <w:pPr/>
      <w:r>
        <w:rPr>
          <w:rFonts w:ascii="Helvetica Light" w:hAnsi="Helvetica Light" w:cs="Helvetica Light"/>
          <w:sz w:val="24"/>
          <w:sz-cs w:val="24"/>
        </w:rPr>
        <w:t xml:space="preserve"/>
        <w:tab/>
        <w:t xml:space="preserve">MT:</w:t>
        <w:tab/>
        <w:t xml:space="preserve">It was like they were removing them from the territory. Not telling us, they would never let you know whatís happening. They were walking them from one territory to another and then at mid-point they would just kill them.</w:t>
      </w:r>
    </w:p>
    <w:p>
      <w:pPr/>
      <w:r>
        <w:rPr>
          <w:rFonts w:ascii="Helvetica Light" w:hAnsi="Helvetica Light" w:cs="Helvetica Light"/>
          <w:sz w:val="24"/>
          <w:sz-cs w:val="24"/>
        </w:rPr>
        <w:t xml:space="preserve"/>
        <w:tab/>
        <w:t xml:space="preserve">JF:</w:t>
        <w:tab/>
        <w:t xml:space="preserve">And the Ukrainians were doing this in 1944? Was it a deportation, or was it more a round-up?</w:t>
      </w:r>
    </w:p>
    <w:p>
      <w:pPr/>
      <w:r>
        <w:rPr>
          <w:rFonts w:ascii="Helvetica Light" w:hAnsi="Helvetica Light" w:cs="Helvetica Light"/>
          <w:sz w:val="24"/>
          <w:sz-cs w:val="24"/>
        </w:rPr>
        <w:t xml:space="preserve"/>
        <w:tab/>
        <w:t xml:space="preserve">MT:</w:t>
        <w:tab/>
        <w:t xml:space="preserve">It was like deportation, to remove them from the territory. They needed that territory, because otherwise the word would get out and they did not want the word to get out, that something is happening to you. Jews or Poles never knew that something will happen to them. They were just being moved from one place to another and then something happened, in the meantime, and they were removed from this earth.</w:t>
      </w:r>
    </w:p>
    <w:p>
      <w:pPr/>
      <w:r>
        <w:rPr>
          <w:rFonts w:ascii="Helvetica Light" w:hAnsi="Helvetica Light" w:cs="Helvetica Light"/>
          <w:sz w:val="24"/>
          <w:sz-cs w:val="24"/>
        </w:rPr>
        <w:t xml:space="preserve"/>
        <w:tab/>
        <w:t xml:space="preserve">JF: </w:t>
        <w:tab/>
        <w:t xml:space="preserve">So, what had happened to his family then had happened on a more of an individual basis before these mass... </w:t>
      </w:r>
    </w:p>
    <w:p>
      <w:pPr/>
      <w:r>
        <w:rPr>
          <w:rFonts w:ascii="Helvetica Light" w:hAnsi="Helvetica Light" w:cs="Helvetica Light"/>
          <w:sz w:val="24"/>
          <w:sz-cs w:val="24"/>
        </w:rPr>
        <w:t xml:space="preserve"/>
        <w:tab/>
        <w:t xml:space="preserve">MT: </w:t>
        <w:tab/>
        <w:t xml:space="preserve">Yes they either disregarded an order not to go out or something that they shot them...</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br w:type="page"/>
        <w:t xml:space="preserve"/>
        <w:tab/>
        <w:t xml:space="preserve">Tape two, side one:</w:t>
      </w:r>
    </w:p>
    <w:p>
      <w:pPr/>
      <w:r>
        <w:rPr>
          <w:rFonts w:ascii="Helvetica Light" w:hAnsi="Helvetica Light" w:cs="Helvetica Light"/>
          <w:sz w:val="24"/>
          <w:sz-cs w:val="24"/>
        </w:rPr>
        <w:t xml:space="preserve"/>
        <w:tab/>
        <w:t xml:space="preserve">MT:</w:t>
        <w:tab/>
        <w:t xml:space="preserve">Now, to give you comparison of evil forces working during the war, I talked about Jewish families being round up and killed, and Jews did have a special problem because they wore picked out prior to the rest of the country. They were put on a list to be eliminated yet nobody knew about that, that this will happen. That was the sad part about it. The people that you trusted would actually be the ones that would carry the hidden knife. My father stayed behind. My grandfather stayed behind - he was like a mayor of that territory.</w:t>
      </w:r>
    </w:p>
    <w:p>
      <w:pPr/>
      <w:r>
        <w:rPr>
          <w:rFonts w:ascii="Helvetica Light" w:hAnsi="Helvetica Light" w:cs="Helvetica Light"/>
          <w:sz w:val="24"/>
          <w:sz-cs w:val="24"/>
        </w:rPr>
        <w:t xml:space="preserve"/>
        <w:tab/>
        <w:t xml:space="preserve">JF: </w:t>
        <w:tab/>
        <w:t xml:space="preserve">You are talking now, then, about your motherís father?</w:t>
      </w:r>
    </w:p>
    <w:p>
      <w:pPr/>
      <w:r>
        <w:rPr>
          <w:rFonts w:ascii="Helvetica Light" w:hAnsi="Helvetica Light" w:cs="Helvetica Light"/>
          <w:sz w:val="24"/>
          <w:sz-cs w:val="24"/>
        </w:rPr>
        <w:t xml:space="preserve"/>
        <w:tab/>
        <w:t xml:space="preserve">MT: </w:t>
        <w:tab/>
        <w:t xml:space="preserve">My fatherís, my fatherís father brother...</w:t>
      </w:r>
    </w:p>
    <w:p>
      <w:pPr/>
      <w:r>
        <w:rPr>
          <w:rFonts w:ascii="Helvetica Light" w:hAnsi="Helvetica Light" w:cs="Helvetica Light"/>
          <w:sz w:val="24"/>
          <w:sz-cs w:val="24"/>
        </w:rPr>
        <w:t xml:space="preserve"/>
        <w:tab/>
        <w:t xml:space="preserve">JF:</w:t>
        <w:tab/>
        <w:t xml:space="preserve">Had died...</w:t>
      </w:r>
    </w:p>
    <w:p>
      <w:pPr/>
      <w:r>
        <w:rPr>
          <w:rFonts w:ascii="Helvetica Light" w:hAnsi="Helvetica Light" w:cs="Helvetica Light"/>
          <w:sz w:val="24"/>
          <w:sz-cs w:val="24"/>
        </w:rPr>
        <w:t xml:space="preserve"/>
        <w:tab/>
        <w:t xml:space="preserve">MT: </w:t>
        <w:tab/>
        <w:t xml:space="preserve">Yeh. So, my fatherís father that died, his brother.</w:t>
      </w:r>
    </w:p>
    <w:p>
      <w:pPr/>
      <w:r>
        <w:rPr>
          <w:rFonts w:ascii="Helvetica Light" w:hAnsi="Helvetica Light" w:cs="Helvetica Light"/>
          <w:sz w:val="24"/>
          <w:sz-cs w:val="24"/>
        </w:rPr>
        <w:t xml:space="preserve"/>
        <w:tab/>
        <w:t xml:space="preserve">JF: </w:t>
        <w:tab/>
        <w:t xml:space="preserve">So your fatherís uncle...</w:t>
      </w:r>
    </w:p>
    <w:p>
      <w:pPr/>
      <w:r>
        <w:rPr>
          <w:rFonts w:ascii="Helvetica Light" w:hAnsi="Helvetica Light" w:cs="Helvetica Light"/>
          <w:sz w:val="24"/>
          <w:sz-cs w:val="24"/>
        </w:rPr>
        <w:t xml:space="preserve"/>
        <w:tab/>
        <w:t xml:space="preserve">MT: </w:t>
        <w:tab/>
        <w:t xml:space="preserve">My fatherís uncle, he stayed behind, because he did not believe when those Ukrainians said that if Poles are killing, then we are going to no and investigate, so he formed a commission. He formed a delegation from his village, and they all went to the next place, and they found out that itís not true. When than came back it was quite late, because things had started already to take place. Now thatís after we left, and my grandfather did that, after we ran away to Hungary. At night, he was it must have been in the fall or winter, because he said the stove would not-- a belly-stove, I guess you call them pot-belly stove, it wouldnít burn too well and he had a hard time keeping that going. There was another man with him, not Ukrainian, though, because they were no lower allowed to be with Poles. So he stayed out late playing around with that fire and then he heard shots. He looked out the window and he saw horses driving around one of the Polish homes and shooting at the house, and then they set fire to the house people tried to escape the house and they were shot right there, and then they would go to the next house and again surround and start shooting anybody that tried to escape, shoot them and burn the house down. One of the guys that stayed with him, I believe-- oh, itís coming next, so my grandfather ran out and this guy, and they hid in the cemetery behind the tombstones. The cemetery was not too far from our home where I was born, and they observed all this terrible thing going on. One family had 5 daughters, 5 girls, and the parents, father end mother and 5 girls. They lined them up, father, mother, oldest daughter to the youngest, they took out a wooden, whatever you call it that you cut wood on...</w:t>
      </w:r>
    </w:p>
    <w:p>
      <w:pPr/>
      <w:r>
        <w:rPr>
          <w:rFonts w:ascii="Helvetica Light" w:hAnsi="Helvetica Light" w:cs="Helvetica Light"/>
          <w:sz w:val="24"/>
          <w:sz-cs w:val="24"/>
        </w:rPr>
        <w:t xml:space="preserve"/>
        <w:tab/>
        <w:t xml:space="preserve">JF:</w:t>
        <w:tab/>
        <w:t xml:space="preserve">An ax? </w:t>
      </w:r>
    </w:p>
    <w:p>
      <w:pPr/>
      <w:r>
        <w:rPr>
          <w:rFonts w:ascii="Helvetica Light" w:hAnsi="Helvetica Light" w:cs="Helvetica Light"/>
          <w:sz w:val="24"/>
          <w:sz-cs w:val="24"/>
        </w:rPr>
        <w:t xml:space="preserve"/>
        <w:tab/>
        <w:t xml:space="preserve">MT:</w:t>
        <w:tab/>
        <w:t xml:space="preserve">Well, an ax plus the wooden block. They would lay the kids on the block and chop their heads off. Everybody would scream, they faint, and they would bring them back to it, pour water on them, and then next execution. And they killed them all like that, the whole family, and then they burned their house.</w:t>
      </w:r>
    </w:p>
    <w:p>
      <w:pPr/>
      <w:r>
        <w:rPr>
          <w:rFonts w:ascii="Helvetica Light" w:hAnsi="Helvetica Light" w:cs="Helvetica Light"/>
          <w:sz w:val="24"/>
          <w:sz-cs w:val="24"/>
        </w:rPr>
        <w:t xml:space="preserve"/>
        <w:tab/>
        <w:t xml:space="preserve">JF:</w:t>
        <w:tab/>
        <w:t xml:space="preserve">This was a Polish family?</w:t>
      </w:r>
    </w:p>
    <w:p>
      <w:pPr/>
      <w:r>
        <w:rPr>
          <w:rFonts w:ascii="Helvetica Light" w:hAnsi="Helvetica Light" w:cs="Helvetica Light"/>
          <w:sz w:val="24"/>
          <w:sz-cs w:val="24"/>
        </w:rPr>
        <w:t xml:space="preserve"/>
        <w:tab/>
        <w:t xml:space="preserve">MT: </w:t>
        <w:tab/>
        <w:t xml:space="preserve">Polish family killed by Ukrainians. Thatís right. They were not political people, but they had rights to the territory.  Jews were not political people, but they had rights to the territory. They were the owners.</w:t>
      </w:r>
    </w:p>
    <w:p>
      <w:pPr/>
      <w:r>
        <w:rPr>
          <w:rFonts w:ascii="Helvetica Light" w:hAnsi="Helvetica Light" w:cs="Helvetica Light"/>
          <w:sz w:val="24"/>
          <w:sz-cs w:val="24"/>
        </w:rPr>
        <w:t xml:space="preserve"/>
        <w:tab/>
        <w:t xml:space="preserve">JF:</w:t>
        <w:tab/>
        <w:t xml:space="preserve">The family was Polish Christian or Polish Jews?</w:t>
      </w:r>
    </w:p>
    <w:p>
      <w:pPr/>
      <w:r>
        <w:rPr>
          <w:rFonts w:ascii="Helvetica Light" w:hAnsi="Helvetica Light" w:cs="Helvetica Light"/>
          <w:sz w:val="24"/>
          <w:sz-cs w:val="24"/>
        </w:rPr>
        <w:t xml:space="preserve"/>
        <w:tab/>
        <w:t xml:space="preserve">MT:</w:t>
        <w:tab/>
        <w:t xml:space="preserve">Polish Christian.</w:t>
      </w:r>
    </w:p>
    <w:p>
      <w:pPr/>
      <w:r>
        <w:rPr>
          <w:rFonts w:ascii="Helvetica Light" w:hAnsi="Helvetica Light" w:cs="Helvetica Light"/>
          <w:sz w:val="24"/>
          <w:sz-cs w:val="24"/>
        </w:rPr>
        <w:t xml:space="preserve"/>
        <w:tab/>
        <w:t xml:space="preserve">JF:</w:t>
        <w:tab/>
        <w:t xml:space="preserve">But the feeling of the Ukrainians against the Poles who had rights to land that they felt should have been theirs...</w:t>
      </w:r>
    </w:p>
    <w:p>
      <w:pPr/>
      <w:r>
        <w:rPr>
          <w:rFonts w:ascii="Helvetica Light" w:hAnsi="Helvetica Light" w:cs="Helvetica Light"/>
          <w:sz w:val="24"/>
          <w:sz-cs w:val="24"/>
        </w:rPr>
        <w:t xml:space="preserve"/>
        <w:tab/>
        <w:t xml:space="preserve">MT:</w:t>
        <w:tab/>
        <w:t xml:space="preserve">I believe that they had struck a deal with Hitler. If they cleaned that territory out, itís theirs. Of course it was false belief on their side. Later on, Hitler got even with them in Lemberg, in Lvov. They got a little too independent, and they wanted to form their own government, and Hitler surrounded them with the SS troops and cut them down,. I think 2000 of them and killed them. Because he also didnít want organization, he wanted people to work for him, but donít organize on your own.  In the morning, that young man, that was Matkowsky-- heís in Chicago now-- he ran over to his house where his father was and knocked off ashes off his-- his chest was still there, the rest was all burned. </w:t>
      </w:r>
    </w:p>
    <w:p>
      <w:pPr/>
      <w:r>
        <w:rPr>
          <w:rFonts w:ascii="Helvetica Light" w:hAnsi="Helvetica Light" w:cs="Helvetica Light"/>
          <w:sz w:val="24"/>
          <w:sz-cs w:val="24"/>
        </w:rPr>
        <w:t xml:space="preserve"/>
        <w:tab/>
        <w:t xml:space="preserve">JF:</w:t>
        <w:tab/>
        <w:t xml:space="preserve">Matkowsky was...</w:t>
      </w:r>
    </w:p>
    <w:p>
      <w:pPr/>
      <w:r>
        <w:rPr>
          <w:rFonts w:ascii="Helvetica Light" w:hAnsi="Helvetica Light" w:cs="Helvetica Light"/>
          <w:sz w:val="24"/>
          <w:sz-cs w:val="24"/>
        </w:rPr>
        <w:t xml:space="preserve"/>
        <w:tab/>
        <w:t xml:space="preserve">MT:</w:t>
        <w:tab/>
        <w:t xml:space="preserve">He was with my grandfather hiding in the cemetery and in the morning when the smoke went down and everything, he snuck up to his house and his fatherís body was there in ashes. Only his chest was still intact.</w:t>
      </w:r>
    </w:p>
    <w:p>
      <w:pPr/>
      <w:r>
        <w:rPr>
          <w:rFonts w:ascii="Helvetica Light" w:hAnsi="Helvetica Light" w:cs="Helvetica Light"/>
          <w:sz w:val="24"/>
          <w:sz-cs w:val="24"/>
        </w:rPr>
        <w:t xml:space="preserve"/>
        <w:tab/>
        <w:t xml:space="preserve">JF:</w:t>
        <w:tab/>
        <w:t xml:space="preserve">He had been burned? </w:t>
      </w:r>
    </w:p>
    <w:p>
      <w:pPr/>
      <w:r>
        <w:rPr>
          <w:rFonts w:ascii="Helvetica Light" w:hAnsi="Helvetica Light" w:cs="Helvetica Light"/>
          <w:sz w:val="24"/>
          <w:sz-cs w:val="24"/>
        </w:rPr>
        <w:t xml:space="preserve"/>
        <w:tab/>
        <w:t xml:space="preserve">MT:</w:t>
        <w:tab/>
        <w:t xml:space="preserve">He was killed and burned.</w:t>
      </w:r>
    </w:p>
    <w:p>
      <w:pPr/>
      <w:r>
        <w:rPr>
          <w:rFonts w:ascii="Helvetica Light" w:hAnsi="Helvetica Light" w:cs="Helvetica Light"/>
          <w:sz w:val="24"/>
          <w:sz-cs w:val="24"/>
        </w:rPr>
        <w:t xml:space="preserve"/>
        <w:tab/>
        <w:t xml:space="preserve">JF:</w:t>
        <w:tab/>
        <w:t xml:space="preserve">He was killed also, and burned.</w:t>
      </w:r>
    </w:p>
    <w:p>
      <w:pPr/>
      <w:r>
        <w:rPr>
          <w:rFonts w:ascii="Helvetica Light" w:hAnsi="Helvetica Light" w:cs="Helvetica Light"/>
          <w:sz w:val="24"/>
          <w:sz-cs w:val="24"/>
        </w:rPr>
        <w:t xml:space="preserve"/>
        <w:tab/>
        <w:t xml:space="preserve">MT:</w:t>
        <w:tab/>
        <w:t xml:space="preserve"> So our house is still there; it was not burned because nobody was killed in it. Any house that somebody was killed in it, they burned it to the ground.</w:t>
      </w:r>
    </w:p>
    <w:p>
      <w:pPr/>
      <w:r>
        <w:rPr>
          <w:rFonts w:ascii="Helvetica Light" w:hAnsi="Helvetica Light" w:cs="Helvetica Light"/>
          <w:sz w:val="24"/>
          <w:sz-cs w:val="24"/>
        </w:rPr>
        <w:t xml:space="preserve"/>
        <w:tab/>
        <w:t xml:space="preserve">JF:</w:t>
        <w:tab/>
        <w:t xml:space="preserve">Matkowsky was Christian, or was he Jewish?</w:t>
      </w:r>
    </w:p>
    <w:p>
      <w:pPr/>
      <w:r>
        <w:rPr>
          <w:rFonts w:ascii="Helvetica Light" w:hAnsi="Helvetica Light" w:cs="Helvetica Light"/>
          <w:sz w:val="24"/>
          <w:sz-cs w:val="24"/>
        </w:rPr>
        <w:t xml:space="preserve"/>
        <w:tab/>
        <w:t xml:space="preserve">MT.</w:t>
        <w:tab/>
        <w:t xml:space="preserve">Was a Christian.</w:t>
      </w:r>
    </w:p>
    <w:p>
      <w:pPr/>
      <w:r>
        <w:rPr>
          <w:rFonts w:ascii="Helvetica Light" w:hAnsi="Helvetica Light" w:cs="Helvetica Light"/>
          <w:sz w:val="24"/>
          <w:sz-cs w:val="24"/>
        </w:rPr>
        <w:t xml:space="preserve"/>
        <w:tab/>
        <w:t xml:space="preserve">JF: </w:t>
        <w:tab/>
        <w:t xml:space="preserve">Christian also. How did you find out these stories? </w:t>
      </w:r>
    </w:p>
    <w:p>
      <w:pPr/>
      <w:r>
        <w:rPr>
          <w:rFonts w:ascii="Helvetica Light" w:hAnsi="Helvetica Light" w:cs="Helvetica Light"/>
          <w:sz w:val="24"/>
          <w:sz-cs w:val="24"/>
        </w:rPr>
        <w:t xml:space="preserve"/>
        <w:tab/>
        <w:t xml:space="preserve">MT: </w:t>
        <w:tab/>
        <w:t xml:space="preserve">Matkowsky, we met in Germany later on, and grandfather-- we got in Germany after the liberation and after ë45, May ë45, my grandfather was someplace not too far from Bremen. I forgot the name already because I cannot think too clear now. He told us awful lot of was happening. He was on the list once.</w:t>
      </w:r>
    </w:p>
    <w:p>
      <w:pPr/>
      <w:r>
        <w:rPr>
          <w:rFonts w:ascii="Helvetica Light" w:hAnsi="Helvetica Light" w:cs="Helvetica Light"/>
          <w:sz w:val="24"/>
          <w:sz-cs w:val="24"/>
        </w:rPr>
        <w:t xml:space="preserve"/>
        <w:tab/>
        <w:t xml:space="preserve">JF: </w:t>
        <w:tab/>
        <w:t xml:space="preserve">Your grandfather?</w:t>
      </w:r>
    </w:p>
    <w:p>
      <w:pPr/>
      <w:r>
        <w:rPr>
          <w:rFonts w:ascii="Helvetica Light" w:hAnsi="Helvetica Light" w:cs="Helvetica Light"/>
          <w:sz w:val="24"/>
          <w:sz-cs w:val="24"/>
        </w:rPr>
        <w:t xml:space="preserve"/>
        <w:tab/>
        <w:t xml:space="preserve">MT:</w:t>
        <w:tab/>
        <w:t xml:space="preserve">Yes, to be sent to the old peopleís camp, and what they would do then, a lot of them were sent to the old peopleís camp, because they are unable to work, and it will be easier for you. They were sent to a special place and they will be given bedding, or at least they were shown a room, a bed and blanket, and given a piece of paper and a pencil to write to their family how wonderful they are being treated. And right after that they will be poisoned.</w:t>
      </w:r>
    </w:p>
    <w:p>
      <w:pPr/>
      <w:r>
        <w:rPr>
          <w:rFonts w:ascii="Helvetica Light" w:hAnsi="Helvetica Light" w:cs="Helvetica Light"/>
          <w:sz w:val="24"/>
          <w:sz-cs w:val="24"/>
        </w:rPr>
        <w:t xml:space="preserve"/>
        <w:tab/>
        <w:t xml:space="preserve">JF: </w:t>
        <w:tab/>
        <w:t xml:space="preserve">This is in Poland?</w:t>
      </w:r>
    </w:p>
    <w:p>
      <w:pPr/>
      <w:r>
        <w:rPr>
          <w:rFonts w:ascii="Helvetica Light" w:hAnsi="Helvetica Light" w:cs="Helvetica Light"/>
          <w:sz w:val="24"/>
          <w:sz-cs w:val="24"/>
        </w:rPr>
        <w:t xml:space="preserve"/>
        <w:tab/>
        <w:t xml:space="preserve">MT: </w:t>
        <w:tab/>
        <w:t xml:space="preserve">In Germany.</w:t>
      </w:r>
    </w:p>
    <w:p>
      <w:pPr/>
      <w:r>
        <w:rPr>
          <w:rFonts w:ascii="Helvetica Light" w:hAnsi="Helvetica Light" w:cs="Helvetica Light"/>
          <w:sz w:val="24"/>
          <w:sz-cs w:val="24"/>
        </w:rPr>
        <w:t xml:space="preserve"/>
        <w:tab/>
        <w:t xml:space="preserve">JF:</w:t>
        <w:tab/>
        <w:t xml:space="preserve">In Germany. He was on a list.</w:t>
      </w:r>
    </w:p>
    <w:p>
      <w:pPr/>
      <w:r>
        <w:rPr>
          <w:rFonts w:ascii="Helvetica Light" w:hAnsi="Helvetica Light" w:cs="Helvetica Light"/>
          <w:sz w:val="24"/>
          <w:sz-cs w:val="24"/>
        </w:rPr>
        <w:t xml:space="preserve"/>
        <w:tab/>
        <w:t xml:space="preserve">MT: </w:t>
        <w:tab/>
        <w:t xml:space="preserve">And right after that they would be poisoned.</w:t>
      </w:r>
    </w:p>
    <w:p>
      <w:pPr/>
      <w:r>
        <w:rPr>
          <w:rFonts w:ascii="Helvetica Light" w:hAnsi="Helvetica Light" w:cs="Helvetica Light"/>
          <w:sz w:val="24"/>
          <w:sz-cs w:val="24"/>
        </w:rPr>
        <w:t xml:space="preserve"/>
        <w:tab/>
        <w:t xml:space="preserve">JF:</w:t>
        <w:tab/>
        <w:t xml:space="preserve">How did he escape from that?</w:t>
      </w:r>
    </w:p>
    <w:p>
      <w:pPr/>
      <w:r>
        <w:rPr>
          <w:rFonts w:ascii="Helvetica Light" w:hAnsi="Helvetica Light" w:cs="Helvetica Light"/>
          <w:sz w:val="24"/>
          <w:sz-cs w:val="24"/>
        </w:rPr>
        <w:t xml:space="preserve"/>
        <w:tab/>
        <w:t xml:space="preserve">MT:</w:t>
        <w:tab/>
        <w:t xml:space="preserve">He worked-- he pretended that he is younger than he is. Nobody escaped but they worked. There was a plan to use us to the last minute, and then you go. The plan was not to kill everybody. They could have done it, I think, but they starve you. Day to day you got weaker.</w:t>
      </w:r>
    </w:p>
    <w:p>
      <w:pPr/>
      <w:r>
        <w:rPr>
          <w:rFonts w:ascii="Helvetica Light" w:hAnsi="Helvetica Light" w:cs="Helvetica Light"/>
          <w:sz w:val="24"/>
          <w:sz-cs w:val="24"/>
        </w:rPr>
        <w:t xml:space="preserve"/>
        <w:tab/>
        <w:t xml:space="preserve">JF:</w:t>
        <w:tab/>
        <w:t xml:space="preserve">Why was your grandfather - actually it was your fatherís uncle - why was he taken? Why did they want to kill him? </w:t>
      </w:r>
    </w:p>
    <w:p>
      <w:pPr/>
      <w:r>
        <w:rPr>
          <w:rFonts w:ascii="Helvetica Light" w:hAnsi="Helvetica Light" w:cs="Helvetica Light"/>
          <w:sz w:val="24"/>
          <w:sz-cs w:val="24"/>
        </w:rPr>
        <w:t xml:space="preserve"/>
        <w:tab/>
        <w:t xml:space="preserve">MT:</w:t>
        <w:tab/>
        <w:t xml:space="preserve">Well, Poles, in general, were lower than the dirt. We were the enemies of the state. Jews were not enemies. We were the enemies of the German nation. With Jews they started in Germany. They had a special reason for it because they start with them in Germany. Most Jews in Poland had German names, like the ones that I am familiar with: Goldreich, Reinhart, and so forth. They had German names, but I think that they had a little more freedom in Poland than in Germany, or maybe more opportunity to expand.  Itís a new territory. They went to Poland.</w:t>
      </w:r>
    </w:p>
    <w:p>
      <w:pPr/>
      <w:r>
        <w:rPr>
          <w:rFonts w:ascii="Helvetica Light" w:hAnsi="Helvetica Light" w:cs="Helvetica Light"/>
          <w:sz w:val="24"/>
          <w:sz-cs w:val="24"/>
        </w:rPr>
        <w:t xml:space="preserve"/>
        <w:tab/>
        <w:t xml:space="preserve">JF:</w:t>
        <w:tab/>
        <w:t xml:space="preserve">But not all Poles were arrested in such a way.</w:t>
      </w:r>
    </w:p>
    <w:p>
      <w:pPr/>
      <w:r>
        <w:rPr>
          <w:rFonts w:ascii="Helvetica Light" w:hAnsi="Helvetica Light" w:cs="Helvetica Light"/>
          <w:sz w:val="24"/>
          <w:sz-cs w:val="24"/>
        </w:rPr>
        <w:t xml:space="preserve"/>
        <w:tab/>
        <w:t xml:space="preserve">MT:</w:t>
        <w:tab/>
        <w:t xml:space="preserve">No.</w:t>
      </w:r>
    </w:p>
    <w:p>
      <w:pPr/>
      <w:r>
        <w:rPr>
          <w:rFonts w:ascii="Helvetica Light" w:hAnsi="Helvetica Light" w:cs="Helvetica Light"/>
          <w:sz w:val="24"/>
          <w:sz-cs w:val="24"/>
        </w:rPr>
        <w:t xml:space="preserve"/>
        <w:tab/>
        <w:t xml:space="preserve">JF:</w:t>
        <w:tab/>
        <w:t xml:space="preserve">What was it that determined that your great-uncle was taken, or your grandfather, as you call him.</w:t>
      </w:r>
    </w:p>
    <w:p>
      <w:pPr/>
      <w:r>
        <w:rPr>
          <w:rFonts w:ascii="Helvetica Light" w:hAnsi="Helvetica Light" w:cs="Helvetica Light"/>
          <w:sz w:val="24"/>
          <w:sz-cs w:val="24"/>
        </w:rPr>
        <w:t xml:space="preserve"/>
        <w:tab/>
        <w:t xml:space="preserve">MT:</w:t>
        <w:tab/>
        <w:t xml:space="preserve">Maybe it was because of the Ukrainian deal, perhaps.</w:t>
      </w:r>
    </w:p>
    <w:p>
      <w:pPr/>
      <w:r>
        <w:rPr>
          <w:rFonts w:ascii="Helvetica Light" w:hAnsi="Helvetica Light" w:cs="Helvetica Light"/>
          <w:sz w:val="24"/>
          <w:sz-cs w:val="24"/>
        </w:rPr>
        <w:t xml:space="preserve"/>
        <w:tab/>
        <w:t xml:space="preserve">JF:</w:t>
        <w:tab/>
        <w:t xml:space="preserve">Because of that territory.</w:t>
      </w:r>
    </w:p>
    <w:p>
      <w:pPr/>
      <w:r>
        <w:rPr>
          <w:rFonts w:ascii="Helvetica Light" w:hAnsi="Helvetica Light" w:cs="Helvetica Light"/>
          <w:sz w:val="24"/>
          <w:sz-cs w:val="24"/>
        </w:rPr>
        <w:t xml:space="preserve"/>
        <w:tab/>
        <w:t xml:space="preserve">MT:</w:t>
        <w:tab/>
        <w:t xml:space="preserve">That territory had to be cleared, and the people had to be removed from that territory, probably. The others wanted it and since he was not killed, he had to go. </w:t>
      </w:r>
    </w:p>
    <w:p>
      <w:pPr/>
      <w:r>
        <w:rPr>
          <w:rFonts w:ascii="Helvetica Light" w:hAnsi="Helvetica Light" w:cs="Helvetica Light"/>
          <w:sz w:val="24"/>
          <w:sz-cs w:val="24"/>
        </w:rPr>
        <w:t xml:space="preserve"/>
        <w:tab/>
        <w:t xml:space="preserve">JF:</w:t>
        <w:tab/>
        <w:t xml:space="preserve">I see. So he was captured?</w:t>
      </w:r>
    </w:p>
    <w:p>
      <w:pPr/>
      <w:r>
        <w:rPr>
          <w:rFonts w:ascii="Helvetica Light" w:hAnsi="Helvetica Light" w:cs="Helvetica Light"/>
          <w:sz w:val="24"/>
          <w:sz-cs w:val="24"/>
        </w:rPr>
        <w:t xml:space="preserve"/>
        <w:tab/>
        <w:t xml:space="preserve">MT: </w:t>
        <w:tab/>
        <w:t xml:space="preserve">He went to-- his wife was very ill. She was paralyzed. My grandfatherís wife was paralyzed, so they had never children. Itís prior to that.  I am confusing. He took her to Stry [Strey: phonetic] which is a big town, nearest town, a big town, to a cousin or to hospital, took his wife, when the whole thing started, when we ran away. And he found out that the Poles are not killing the Ukrainians. He realized he will not be able to take care of his wife himself, because we had people taking care of her. He drove her to Stry. Then he came back, and then all those things started happening. But Jews went first, and then the Poles, in a very brutal way. The Jews actually did not have to witness, except in Goldreichís case, the mother witnessed her daughter-in-law being killed in the yard, shot, and then she was shot. But the tragedy of these others I never heard of before, and it makes you really wonder why people would do that and how could they? How could you take a, any kind of person and cut their head off and then make sure the other one is watching, and get the big enjoyment out of it?</w:t>
      </w:r>
    </w:p>
    <w:p>
      <w:pPr/>
      <w:r>
        <w:rPr>
          <w:rFonts w:ascii="Helvetica Light" w:hAnsi="Helvetica Light" w:cs="Helvetica Light"/>
          <w:sz w:val="24"/>
          <w:sz-cs w:val="24"/>
        </w:rPr>
        <w:t xml:space="preserve"/>
        <w:tab/>
        <w:t xml:space="preserve">JF:</w:t>
        <w:tab/>
        <w:t xml:space="preserve">The amount of...</w:t>
      </w:r>
    </w:p>
    <w:p>
      <w:pPr/>
      <w:r>
        <w:rPr>
          <w:rFonts w:ascii="Helvetica Light" w:hAnsi="Helvetica Light" w:cs="Helvetica Light"/>
          <w:sz w:val="24"/>
          <w:sz-cs w:val="24"/>
        </w:rPr>
        <w:t xml:space="preserve"/>
        <w:tab/>
        <w:t xml:space="preserve">MT:</w:t>
        <w:tab/>
        <w:t xml:space="preserve">There wasnít even hatred. These people hadnít done anything. I was always questioning myself, why am I evil? Why am I hated?</w:t>
      </w:r>
    </w:p>
    <w:p>
      <w:pPr/>
      <w:r>
        <w:rPr>
          <w:rFonts w:ascii="Helvetica Light" w:hAnsi="Helvetica Light" w:cs="Helvetica Light"/>
          <w:sz w:val="24"/>
          <w:sz-cs w:val="24"/>
        </w:rPr>
        <w:t xml:space="preserve"/>
        <w:tab/>
        <w:t xml:space="preserve">JF: </w:t>
        <w:tab/>
        <w:t xml:space="preserve">You questioned this when? When it was happening during the war, or later?</w:t>
      </w:r>
    </w:p>
    <w:p>
      <w:pPr/>
      <w:r>
        <w:rPr>
          <w:rFonts w:ascii="Helvetica Light" w:hAnsi="Helvetica Light" w:cs="Helvetica Light"/>
          <w:sz w:val="24"/>
          <w:sz-cs w:val="24"/>
        </w:rPr>
        <w:t xml:space="preserve"/>
        <w:tab/>
        <w:t xml:space="preserve">MT:</w:t>
        <w:tab/>
        <w:t xml:space="preserve">During the war, in Hungary. Why am I foreigner. It was a very dirty word, but they did not use the word foreigner it was like American work Pollack,</w:t>
      </w:r>
    </w:p>
    <w:p>
      <w:pPr/>
      <w:r>
        <w:rPr>
          <w:rFonts w:ascii="Helvetica Light" w:hAnsi="Helvetica Light" w:cs="Helvetica Light"/>
          <w:sz w:val="24"/>
          <w:sz-cs w:val="24"/>
        </w:rPr>
        <w:t xml:space="preserve"/>
        <w:tab/>
        <w:t xml:space="preserve">JF: </w:t>
        <w:tab/>
        <w:t xml:space="preserve">Derogatory?</w:t>
      </w:r>
    </w:p>
    <w:p>
      <w:pPr/>
      <w:r>
        <w:rPr>
          <w:rFonts w:ascii="Helvetica Light" w:hAnsi="Helvetica Light" w:cs="Helvetica Light"/>
          <w:sz w:val="24"/>
          <w:sz-cs w:val="24"/>
        </w:rPr>
        <w:t xml:space="preserve"/>
        <w:tab/>
        <w:t xml:space="preserve">MT: </w:t>
        <w:tab/>
        <w:t xml:space="preserve">Derogatory. But also with a meaning that we will get you.</w:t>
      </w:r>
    </w:p>
    <w:p>
      <w:pPr/>
      <w:r>
        <w:rPr>
          <w:rFonts w:ascii="Helvetica Light" w:hAnsi="Helvetica Light" w:cs="Helvetica Light"/>
          <w:sz w:val="24"/>
          <w:sz-cs w:val="24"/>
        </w:rPr>
        <w:t xml:space="preserve"/>
        <w:tab/>
        <w:t xml:space="preserve">JF:</w:t>
        <w:tab/>
        <w:t xml:space="preserve">The Hungarians talked this way?</w:t>
      </w:r>
    </w:p>
    <w:p>
      <w:pPr/>
      <w:r>
        <w:rPr>
          <w:rFonts w:ascii="Helvetica Light" w:hAnsi="Helvetica Light" w:cs="Helvetica Light"/>
          <w:sz w:val="24"/>
          <w:sz-cs w:val="24"/>
        </w:rPr>
        <w:t xml:space="preserve"/>
        <w:tab/>
        <w:t xml:space="preserve">MT:</w:t>
        <w:tab/>
        <w:t xml:space="preserve">Yes, and when Hitler went through Hungary to go to Russia to fight in Stalingrad, he formed, like Hitlerjugend in Germany, people for Hitler, national guard, young people. Not too young, not like children, but in their teens and higher. They would have a special sign on their arms. It was not like swastika, it was like arrows, on each end of the cross, arrow heads. They called themselves (Hungarian word) - that means Arrowhead [actually Arrow Cross].  Ever since Hitler went through Hungary, we experienced nothing but fear.</w:t>
      </w:r>
    </w:p>
    <w:p>
      <w:pPr/>
      <w:r>
        <w:rPr>
          <w:rFonts w:ascii="Helvetica Light" w:hAnsi="Helvetica Light" w:cs="Helvetica Light"/>
          <w:sz w:val="24"/>
          <w:sz-cs w:val="24"/>
        </w:rPr>
        <w:t xml:space="preserve"/>
        <w:tab/>
        <w:t xml:space="preserve">JF: </w:t>
        <w:tab/>
        <w:t xml:space="preserve">On the part of the Hungarians?</w:t>
      </w:r>
    </w:p>
    <w:p>
      <w:pPr/>
      <w:r>
        <w:rPr>
          <w:rFonts w:ascii="Helvetica Light" w:hAnsi="Helvetica Light" w:cs="Helvetica Light"/>
          <w:sz w:val="24"/>
          <w:sz-cs w:val="24"/>
        </w:rPr>
        <w:t xml:space="preserve"/>
        <w:tab/>
        <w:t xml:space="preserve">MT: </w:t>
        <w:tab/>
        <w:t xml:space="preserve">Fear , it was in the air; you could feel it. We went to school early in the morning and we found out that the German soldiers had invaded the town of Keszthely, maybe two oíclock maybe three in the morning. Nobody knew. We went in there and the Germans yelled at us and grabbed. My older brother has blue eyes, so they looked at him and said, ìYou must be German,î or something and they sent him for wine. He went to get them a bottle of wine, for the soldiers, and then they let us go.</w:t>
      </w:r>
    </w:p>
    <w:p>
      <w:pPr/>
      <w:r>
        <w:rPr>
          <w:rFonts w:ascii="Helvetica Light" w:hAnsi="Helvetica Light" w:cs="Helvetica Light"/>
          <w:sz w:val="24"/>
          <w:sz-cs w:val="24"/>
        </w:rPr>
        <w:t xml:space="preserve"/>
        <w:tab/>
        <w:t xml:space="preserve">JF: </w:t>
        <w:tab/>
        <w:t xml:space="preserve">This was in the school?</w:t>
      </w:r>
    </w:p>
    <w:p>
      <w:pPr/>
      <w:r>
        <w:rPr>
          <w:rFonts w:ascii="Helvetica Light" w:hAnsi="Helvetica Light" w:cs="Helvetica Light"/>
          <w:sz w:val="24"/>
          <w:sz-cs w:val="24"/>
        </w:rPr>
        <w:t xml:space="preserve"/>
        <w:tab/>
        <w:t xml:space="preserve">MT:</w:t>
        <w:tab/>
        <w:t xml:space="preserve">Yes, from school. We were in school uniforms, you wore a uniform, and we had special bags, duffel bags.</w:t>
      </w:r>
    </w:p>
    <w:p>
      <w:pPr/>
      <w:r>
        <w:rPr>
          <w:rFonts w:ascii="Helvetica Light" w:hAnsi="Helvetica Light" w:cs="Helvetica Light"/>
          <w:sz w:val="24"/>
          <w:sz-cs w:val="24"/>
        </w:rPr>
        <w:t xml:space="preserve"/>
        <w:tab/>
        <w:t xml:space="preserve">JF:</w:t>
        <w:tab/>
        <w:t xml:space="preserve">A knapsack.</w:t>
      </w:r>
    </w:p>
    <w:p>
      <w:pPr/>
      <w:r>
        <w:rPr>
          <w:rFonts w:ascii="Helvetica Light" w:hAnsi="Helvetica Light" w:cs="Helvetica Light"/>
          <w:sz w:val="24"/>
          <w:sz-cs w:val="24"/>
        </w:rPr>
        <w:t xml:space="preserve"/>
        <w:tab/>
        <w:t xml:space="preserve">MT: </w:t>
        <w:tab/>
        <w:t xml:space="preserve">Yes, to carry your books</w:t>
      </w:r>
    </w:p>
    <w:p>
      <w:pPr/>
      <w:r>
        <w:rPr>
          <w:rFonts w:ascii="Helvetica Light" w:hAnsi="Helvetica Light" w:cs="Helvetica Light"/>
          <w:sz w:val="24"/>
          <w:sz-cs w:val="24"/>
        </w:rPr>
        <w:t xml:space="preserve"/>
        <w:tab/>
        <w:t xml:space="preserve">JF:</w:t>
        <w:tab/>
        <w:t xml:space="preserve">Were you in school with Hungarian children? Or was this a special school for the Polish community.</w:t>
      </w:r>
    </w:p>
    <w:p>
      <w:pPr/>
      <w:r>
        <w:rPr>
          <w:rFonts w:ascii="Helvetica Light" w:hAnsi="Helvetica Light" w:cs="Helvetica Light"/>
          <w:sz w:val="24"/>
          <w:sz-cs w:val="24"/>
        </w:rPr>
        <w:t xml:space="preserve"/>
        <w:tab/>
        <w:t xml:space="preserve">MT:</w:t>
        <w:tab/>
        <w:t xml:space="preserve">Yes, yes, it was all Polish. We even had a Polish high school. </w:t>
      </w:r>
    </w:p>
    <w:p>
      <w:pPr/>
      <w:r>
        <w:rPr>
          <w:rFonts w:ascii="Helvetica Light" w:hAnsi="Helvetica Light" w:cs="Helvetica Light"/>
          <w:sz w:val="24"/>
          <w:sz-cs w:val="24"/>
        </w:rPr>
        <w:t xml:space="preserve"/>
        <w:tab/>
        <w:t xml:space="preserve">JF:</w:t>
        <w:tab/>
        <w:t xml:space="preserve">This was the school that you attended, then. It was not until 1942.</w:t>
      </w:r>
    </w:p>
    <w:p>
      <w:pPr/>
      <w:r>
        <w:rPr>
          <w:rFonts w:ascii="Helvetica Light" w:hAnsi="Helvetica Light" w:cs="Helvetica Light"/>
          <w:sz w:val="24"/>
          <w:sz-cs w:val="24"/>
        </w:rPr>
        <w:t xml:space="preserve"/>
        <w:tab/>
        <w:t xml:space="preserve">MT:</w:t>
        <w:tab/>
        <w:t xml:space="preserve">Something like that, thatís correct.</w:t>
      </w:r>
    </w:p>
    <w:p>
      <w:pPr/>
      <w:r>
        <w:rPr>
          <w:rFonts w:ascii="Helvetica Light" w:hAnsi="Helvetica Light" w:cs="Helvetica Light"/>
          <w:sz w:val="24"/>
          <w:sz-cs w:val="24"/>
        </w:rPr>
        <w:t xml:space="preserve"/>
        <w:tab/>
        <w:t xml:space="preserve">JF:</w:t>
        <w:tab/>
        <w:t xml:space="preserve">And, you were about eight?</w:t>
      </w:r>
    </w:p>
    <w:p>
      <w:pPr/>
      <w:r>
        <w:rPr>
          <w:rFonts w:ascii="Helvetica Light" w:hAnsi="Helvetica Light" w:cs="Helvetica Light"/>
          <w:sz w:val="24"/>
          <w:sz-cs w:val="24"/>
        </w:rPr>
        <w:t xml:space="preserve"/>
        <w:tab/>
        <w:t xml:space="preserve">MT:</w:t>
        <w:tab/>
        <w:t xml:space="preserve">I was around eight.</w:t>
      </w:r>
    </w:p>
    <w:p>
      <w:pPr/>
      <w:r>
        <w:rPr>
          <w:rFonts w:ascii="Helvetica Light" w:hAnsi="Helvetica Light" w:cs="Helvetica Light"/>
          <w:sz w:val="24"/>
          <w:sz-cs w:val="24"/>
        </w:rPr>
        <w:t xml:space="preserve"/>
        <w:tab/>
        <w:t xml:space="preserve">JF:</w:t>
        <w:tab/>
        <w:t xml:space="preserve">When you started?</w:t>
      </w:r>
    </w:p>
    <w:p>
      <w:pPr/>
      <w:r>
        <w:rPr>
          <w:rFonts w:ascii="Helvetica Light" w:hAnsi="Helvetica Light" w:cs="Helvetica Light"/>
          <w:sz w:val="24"/>
          <w:sz-cs w:val="24"/>
        </w:rPr>
        <w:t xml:space="preserve"/>
        <w:tab/>
        <w:t xml:space="preserve">MT:</w:t>
        <w:tab/>
        <w:t xml:space="preserve">I started I think second grade. First I had to skip. It was naturally known that I know something, the alphabet, or something like this. I went to second, third, and started my fourth grade. I didnít finish my fourth grade, when armed Germans were coming back from Russian front and then things started to happen When Germans started coming back, this is when they started persecuting Jews and Poles and that must have been in early ë44 or something like that.</w:t>
      </w:r>
    </w:p>
    <w:p>
      <w:pPr/>
      <w:r>
        <w:rPr>
          <w:rFonts w:ascii="Helvetica Light" w:hAnsi="Helvetica Light" w:cs="Helvetica Light"/>
          <w:sz w:val="24"/>
          <w:sz-cs w:val="24"/>
        </w:rPr>
        <w:t xml:space="preserve"/>
        <w:tab/>
        <w:t xml:space="preserve">JF: </w:t>
        <w:tab/>
        <w:t xml:space="preserve">Up until then, you were living in a Hungarian town?</w:t>
      </w:r>
    </w:p>
    <w:p>
      <w:pPr/>
      <w:r>
        <w:rPr>
          <w:rFonts w:ascii="Helvetica Light" w:hAnsi="Helvetica Light" w:cs="Helvetica Light"/>
          <w:sz w:val="24"/>
          <w:sz-cs w:val="24"/>
        </w:rPr>
        <w:t xml:space="preserve"/>
        <w:tab/>
        <w:t xml:space="preserve">MT:</w:t>
        <w:tab/>
        <w:t xml:space="preserve">A Hungarian town.</w:t>
      </w:r>
    </w:p>
    <w:p>
      <w:pPr/>
      <w:r>
        <w:rPr>
          <w:rFonts w:ascii="Helvetica Light" w:hAnsi="Helvetica Light" w:cs="Helvetica Light"/>
          <w:sz w:val="24"/>
          <w:sz-cs w:val="24"/>
        </w:rPr>
        <w:t xml:space="preserve"/>
        <w:tab/>
        <w:t xml:space="preserve">JF:</w:t>
        <w:tab/>
        <w:t xml:space="preserve">Within a Polish community?</w:t>
      </w:r>
    </w:p>
    <w:p>
      <w:pPr/>
      <w:r>
        <w:rPr>
          <w:rFonts w:ascii="Helvetica Light" w:hAnsi="Helvetica Light" w:cs="Helvetica Light"/>
          <w:sz w:val="24"/>
          <w:sz-cs w:val="24"/>
        </w:rPr>
        <w:t xml:space="preserve"/>
        <w:tab/>
        <w:t xml:space="preserve">MT:</w:t>
        <w:tab/>
        <w:t xml:space="preserve">Within a Polish, well, in Keszthely we were not grouped too close. We were spread out all over the city, but it was like in the cheaper sections. Cheaper homes.</w:t>
      </w:r>
    </w:p>
    <w:p>
      <w:pPr/>
      <w:r>
        <w:rPr>
          <w:rFonts w:ascii="Helvetica Light" w:hAnsi="Helvetica Light" w:cs="Helvetica Light"/>
          <w:sz w:val="24"/>
          <w:sz-cs w:val="24"/>
        </w:rPr>
        <w:t xml:space="preserve"/>
        <w:tab/>
        <w:t xml:space="preserve">JF:</w:t>
        <w:tab/>
        <w:t xml:space="preserve">And Jews as well as Christians?</w:t>
      </w:r>
    </w:p>
    <w:p>
      <w:pPr/>
      <w:r>
        <w:rPr>
          <w:rFonts w:ascii="Helvetica Light" w:hAnsi="Helvetica Light" w:cs="Helvetica Light"/>
          <w:sz w:val="24"/>
          <w:sz-cs w:val="24"/>
        </w:rPr>
        <w:t xml:space="preserve"/>
        <w:tab/>
        <w:t xml:space="preserve">MT:</w:t>
        <w:tab/>
        <w:t xml:space="preserve">Jews were part of the territory.  Jews were not affected by anything.</w:t>
      </w:r>
    </w:p>
    <w:p>
      <w:pPr/>
      <w:r>
        <w:rPr>
          <w:rFonts w:ascii="Helvetica Light" w:hAnsi="Helvetica Light" w:cs="Helvetica Light"/>
          <w:sz w:val="24"/>
          <w:sz-cs w:val="24"/>
        </w:rPr>
        <w:t xml:space="preserve"/>
        <w:tab/>
        <w:t xml:space="preserve">JF:</w:t>
        <w:tab/>
        <w:t xml:space="preserve">You are talking about Polish Jews now? Or are you talking about Hungarian Jews?</w:t>
      </w:r>
    </w:p>
    <w:p>
      <w:pPr/>
      <w:r>
        <w:rPr>
          <w:rFonts w:ascii="Helvetica Light" w:hAnsi="Helvetica Light" w:cs="Helvetica Light"/>
          <w:sz w:val="24"/>
          <w:sz-cs w:val="24"/>
        </w:rPr>
        <w:t xml:space="preserve"/>
        <w:tab/>
        <w:t xml:space="preserve">MT:</w:t>
        <w:tab/>
        <w:t xml:space="preserve">No Polish Jews, there were none.</w:t>
      </w:r>
    </w:p>
    <w:p>
      <w:pPr/>
      <w:r>
        <w:rPr>
          <w:rFonts w:ascii="Helvetica Light" w:hAnsi="Helvetica Light" w:cs="Helvetica Light"/>
          <w:sz w:val="24"/>
          <w:sz-cs w:val="24"/>
        </w:rPr>
        <w:t xml:space="preserve"/>
        <w:tab/>
        <w:t xml:space="preserve">JF:</w:t>
        <w:tab/>
        <w:t xml:space="preserve">There were no Polish Jews there? </w:t>
      </w:r>
    </w:p>
    <w:p>
      <w:pPr/>
      <w:r>
        <w:rPr>
          <w:rFonts w:ascii="Helvetica Light" w:hAnsi="Helvetica Light" w:cs="Helvetica Light"/>
          <w:sz w:val="24"/>
          <w:sz-cs w:val="24"/>
        </w:rPr>
        <w:t xml:space="preserve"/>
        <w:tab/>
        <w:t xml:space="preserve">MT:</w:t>
        <w:tab/>
        <w:t xml:space="preserve">No, but Hungarian Jews were again the merchants. They were the people that we had to go and ask for food . We didnít have too much money, but we were also unwanted in a territory and when we were waiting in line, to buy a bread, for instance, to buy a bread, it was a Jewish bakery, I forgot the name, but my mother had a good relationship with that woman, but that woman said that I canít treat you better than Hungarians or I am out. And in a line you would be kicked around because they also wanted, needed to eat.</w:t>
      </w:r>
    </w:p>
    <w:p>
      <w:pPr/>
      <w:r>
        <w:rPr>
          <w:rFonts w:ascii="Helvetica Light" w:hAnsi="Helvetica Light" w:cs="Helvetica Light"/>
          <w:sz w:val="24"/>
          <w:sz-cs w:val="24"/>
        </w:rPr>
        <w:t xml:space="preserve"/>
        <w:tab/>
        <w:t xml:space="preserve">JF:</w:t>
        <w:tab/>
        <w:t xml:space="preserve">By the Hungarians?</w:t>
      </w:r>
    </w:p>
    <w:p>
      <w:pPr/>
      <w:r>
        <w:rPr>
          <w:rFonts w:ascii="Helvetica Light" w:hAnsi="Helvetica Light" w:cs="Helvetica Light"/>
          <w:sz w:val="24"/>
          <w:sz-cs w:val="24"/>
        </w:rPr>
        <w:t xml:space="preserve"/>
        <w:tab/>
        <w:t xml:space="preserve">MT:</w:t>
        <w:tab/>
        <w:t xml:space="preserve">By the Hungarians.</w:t>
      </w:r>
    </w:p>
    <w:p>
      <w:pPr/>
      <w:r>
        <w:rPr>
          <w:rFonts w:ascii="Helvetica Light" w:hAnsi="Helvetica Light" w:cs="Helvetica Light"/>
          <w:sz w:val="24"/>
          <w:sz-cs w:val="24"/>
        </w:rPr>
        <w:t xml:space="preserve"/>
        <w:tab/>
        <w:t xml:space="preserve">JF:</w:t>
        <w:tab/>
        <w:t xml:space="preserve">Before you had said that some of the people who came, some of the Poles. who came into Hungary were Jews and were in these camps with you as you moved around.</w:t>
      </w:r>
    </w:p>
    <w:p>
      <w:pPr/>
      <w:r>
        <w:rPr>
          <w:rFonts w:ascii="Helvetica Light" w:hAnsi="Helvetica Light" w:cs="Helvetica Light"/>
          <w:sz w:val="24"/>
          <w:sz-cs w:val="24"/>
        </w:rPr>
        <w:t xml:space="preserve"/>
        <w:tab/>
        <w:t xml:space="preserve">MT:</w:t>
        <w:tab/>
        <w:t xml:space="preserve">No, no, I believe what I meant is when my father was smuggling the young men, there were also the renegades from Poland that needed a home, and the only home that Polish organization knew at that time was army to defeat Hitler.</w:t>
      </w:r>
    </w:p>
    <w:p>
      <w:pPr/>
      <w:r>
        <w:rPr>
          <w:rFonts w:ascii="Helvetica Light" w:hAnsi="Helvetica Light" w:cs="Helvetica Light"/>
          <w:sz w:val="24"/>
          <w:sz-cs w:val="24"/>
        </w:rPr>
        <w:t xml:space="preserve"/>
        <w:tab/>
        <w:t xml:space="preserve">JF:</w:t>
        <w:tab/>
        <w:t xml:space="preserve">So, these were only, then, young men who were going into the Polish army in exile, as opposed to families?</w:t>
      </w:r>
    </w:p>
    <w:p>
      <w:pPr/>
      <w:r>
        <w:rPr>
          <w:rFonts w:ascii="Helvetica Light" w:hAnsi="Helvetica Light" w:cs="Helvetica Light"/>
          <w:sz w:val="24"/>
          <w:sz-cs w:val="24"/>
        </w:rPr>
        <w:t xml:space="preserve"/>
        <w:tab/>
        <w:t xml:space="preserve">MT:</w:t>
        <w:tab/>
        <w:t xml:space="preserve">Yes.  No, families. I donít recall any, because they had their own-- Jews traveled differently than we did. Of course, we unfortunately ran out at 6 oíclock in the morning and we ran out without money. When they decided to go they went prepared, usually. They went out and they bought their way through the border or whatever, and they knew how far they would go, the ones that did travel. The ones that wanted to stay behind, the more stubborn ones, older people, they didnít want to go.</w:t>
      </w:r>
    </w:p>
    <w:p>
      <w:pPr/>
      <w:r>
        <w:rPr>
          <w:rFonts w:ascii="Helvetica Light" w:hAnsi="Helvetica Light" w:cs="Helvetica Light"/>
          <w:sz w:val="24"/>
          <w:sz-cs w:val="24"/>
        </w:rPr>
        <w:t xml:space="preserve"/>
        <w:tab/>
        <w:t xml:space="preserve">JF: </w:t>
        <w:tab/>
        <w:t xml:space="preserve">Those were the ones who were deported?  </w:t>
      </w:r>
    </w:p>
    <w:p>
      <w:pPr/>
      <w:r>
        <w:rPr>
          <w:rFonts w:ascii="Helvetica Light" w:hAnsi="Helvetica Light" w:cs="Helvetica Light"/>
          <w:sz w:val="24"/>
          <w:sz-cs w:val="24"/>
        </w:rPr>
        <w:t xml:space="preserve"/>
        <w:tab/>
        <w:t xml:space="preserve">MT:</w:t>
        <w:tab/>
        <w:t xml:space="preserve">No, those were the ones that really went through terrible things later on. Some were deported, some were killed.</w:t>
      </w:r>
    </w:p>
    <w:p>
      <w:pPr/>
      <w:r>
        <w:rPr>
          <w:rFonts w:ascii="Helvetica Light" w:hAnsi="Helvetica Light" w:cs="Helvetica Light"/>
          <w:sz w:val="24"/>
          <w:sz-cs w:val="24"/>
        </w:rPr>
        <w:t xml:space="preserve"/>
        <w:tab/>
        <w:t xml:space="preserve">JF:</w:t>
        <w:tab/>
        <w:t xml:space="preserve">Okay.</w:t>
      </w:r>
    </w:p>
    <w:p>
      <w:pPr/>
      <w:r>
        <w:rPr>
          <w:rFonts w:ascii="Helvetica Light" w:hAnsi="Helvetica Light" w:cs="Helvetica Light"/>
          <w:sz w:val="24"/>
          <w:sz-cs w:val="24"/>
        </w:rPr>
        <w:t xml:space="preserve"/>
        <w:tab/>
        <w:t xml:space="preserve">MT:</w:t>
        <w:tab/>
        <w:t xml:space="preserve">In a lot of cases, like in the case where I was born, it was by their own people.</w:t>
      </w:r>
    </w:p>
    <w:p>
      <w:pPr/>
      <w:r>
        <w:rPr>
          <w:rFonts w:ascii="Helvetica Light" w:hAnsi="Helvetica Light" w:cs="Helvetica Light"/>
          <w:sz w:val="24"/>
          <w:sz-cs w:val="24"/>
        </w:rPr>
        <w:t xml:space="preserve"/>
        <w:tab/>
        <w:t xml:space="preserve">JF:</w:t>
        <w:tab/>
        <w:t xml:space="preserve">What do you mean? By their own people? </w:t>
      </w:r>
    </w:p>
    <w:p>
      <w:pPr/>
      <w:r>
        <w:rPr>
          <w:rFonts w:ascii="Helvetica Light" w:hAnsi="Helvetica Light" w:cs="Helvetica Light"/>
          <w:sz w:val="24"/>
          <w:sz-cs w:val="24"/>
        </w:rPr>
        <w:t xml:space="preserve"/>
        <w:tab/>
        <w:t xml:space="preserve">MT:</w:t>
        <w:tab/>
        <w:t xml:space="preserve"> People that lived in that territory.</w:t>
      </w:r>
    </w:p>
    <w:p>
      <w:pPr/>
      <w:r>
        <w:rPr>
          <w:rFonts w:ascii="Helvetica Light" w:hAnsi="Helvetica Light" w:cs="Helvetica Light"/>
          <w:sz w:val="24"/>
          <w:sz-cs w:val="24"/>
        </w:rPr>
        <w:t xml:space="preserve"/>
        <w:tab/>
        <w:t xml:space="preserve">JF:</w:t>
        <w:tab/>
        <w:t xml:space="preserve">The Ukrainians</w:t>
      </w:r>
    </w:p>
    <w:p>
      <w:pPr/>
      <w:r>
        <w:rPr>
          <w:rFonts w:ascii="Helvetica Light" w:hAnsi="Helvetica Light" w:cs="Helvetica Light"/>
          <w:sz w:val="24"/>
          <w:sz-cs w:val="24"/>
        </w:rPr>
        <w:t xml:space="preserve"/>
        <w:tab/>
        <w:t xml:space="preserve">MT:</w:t>
        <w:tab/>
        <w:t xml:space="preserve">Sure. There were some outsiders that were in charge of this movement, I am sure, Ukrainians that were infiltrated, individuals put in there. They were giving the orders, but still itís the local people that did that.</w:t>
      </w:r>
    </w:p>
    <w:p>
      <w:pPr/>
      <w:r>
        <w:rPr>
          <w:rFonts w:ascii="Helvetica Light" w:hAnsi="Helvetica Light" w:cs="Helvetica Light"/>
          <w:sz w:val="24"/>
          <w:sz-cs w:val="24"/>
        </w:rPr>
        <w:t xml:space="preserve"/>
        <w:tab/>
        <w:t xml:space="preserve">MT:</w:t>
        <w:tab/>
        <w:t xml:space="preserve">So that when you were living in this town, the Jews that you were in contact with were Hungarian? </w:t>
      </w:r>
    </w:p>
    <w:p>
      <w:pPr/>
      <w:r>
        <w:rPr>
          <w:rFonts w:ascii="Helvetica Light" w:hAnsi="Helvetica Light" w:cs="Helvetica Light"/>
          <w:sz w:val="24"/>
          <w:sz-cs w:val="24"/>
        </w:rPr>
        <w:t xml:space="preserve"/>
        <w:tab/>
        <w:t xml:space="preserve">JF:</w:t>
        <w:tab/>
        <w:t xml:space="preserve">Were Hungarian Jews.  As a matter of fact, across a. little yard, big yard, a big empty yard, there was a Jewish family. There were younger girls, two girls, younger than I was, and I was around seven, but they were my younger brotherís age because they played together. So it was not something that you stayed away, and I guess it was a blessing to us that we were allowed to play with them, because we were actually nobodies in a new territory. Hungarian boys we had trouble with, because we had to fight all the time.</w:t>
      </w:r>
    </w:p>
    <w:p>
      <w:pPr/>
      <w:r>
        <w:rPr>
          <w:rFonts w:ascii="Helvetica Light" w:hAnsi="Helvetica Light" w:cs="Helvetica Light"/>
          <w:sz w:val="24"/>
          <w:sz-cs w:val="24"/>
        </w:rPr>
        <w:t xml:space="preserve"/>
        <w:tab/>
        <w:t xml:space="preserve">MT:</w:t>
        <w:tab/>
        <w:t xml:space="preserve">Thatís where the hostility was, with the Hungarians?</w:t>
      </w:r>
    </w:p>
    <w:p>
      <w:pPr/>
      <w:r>
        <w:rPr>
          <w:rFonts w:ascii="Helvetica Light" w:hAnsi="Helvetica Light" w:cs="Helvetica Light"/>
          <w:sz w:val="24"/>
          <w:sz-cs w:val="24"/>
        </w:rPr>
        <w:t xml:space="preserve"/>
        <w:tab/>
        <w:t xml:space="preserve">JF:</w:t>
        <w:tab/>
        <w:t xml:space="preserve">We had to fight. They didnít want us around. We were not stealing their women because we were just kids, but we were not part of the deal.  Going back to waiting in line to get food, we would have to form some kind of a set-up where early in the evening we would go and stay in line. At night it would be my parents, but since my father had to work, he didnít spend that much time in line, because he had to have his sleep, and his strength to work next day. Now, my mother also worked, but she was a tough cookie, I guess, and younger, by ten years of my father, so it was I and my older brother, and we would stand there for three to four hours in the evening, until we were replaced by the next one.  So I would be the first one since I was the younger one. My two younger brothers did not participate in it, then my older brother would stay until probably about eleven oíclock at night, and then my mother, no, then my father would go and stay for so many hours, and then my mother would stay until she gets into the store. Thatís how long the lines were formed outside the stores to buy food.</w:t>
      </w:r>
    </w:p>
    <w:p>
      <w:pPr/>
      <w:r>
        <w:rPr>
          <w:rFonts w:ascii="Helvetica Light" w:hAnsi="Helvetica Light" w:cs="Helvetica Light"/>
          <w:sz w:val="24"/>
          <w:sz-cs w:val="24"/>
        </w:rPr>
        <w:t xml:space="preserve"/>
        <w:tab/>
        <w:t xml:space="preserve">JF:</w:t>
        <w:tab/>
        <w:t xml:space="preserve">And everything was rationed, I would assume.</w:t>
      </w:r>
    </w:p>
    <w:p>
      <w:pPr/>
      <w:r>
        <w:rPr>
          <w:rFonts w:ascii="Helvetica Light" w:hAnsi="Helvetica Light" w:cs="Helvetica Light"/>
          <w:sz w:val="24"/>
          <w:sz-cs w:val="24"/>
        </w:rPr>
        <w:t xml:space="preserve"/>
        <w:tab/>
        <w:t xml:space="preserve">MT:</w:t>
        <w:tab/>
        <w:t xml:space="preserve">No, it was not rationed, but they would not sell you too much.</w:t>
      </w:r>
    </w:p>
    <w:p>
      <w:pPr/>
      <w:r>
        <w:rPr>
          <w:rFonts w:ascii="Helvetica Light" w:hAnsi="Helvetica Light" w:cs="Helvetica Light"/>
          <w:sz w:val="24"/>
          <w:sz-cs w:val="24"/>
        </w:rPr>
        <w:t xml:space="preserve"/>
        <w:tab/>
        <w:t xml:space="preserve">JF:</w:t>
        <w:tab/>
        <w:t xml:space="preserve">Just shortages?</w:t>
      </w:r>
    </w:p>
    <w:p>
      <w:pPr/>
      <w:r>
        <w:rPr>
          <w:rFonts w:ascii="Helvetica Light" w:hAnsi="Helvetica Light" w:cs="Helvetica Light"/>
          <w:sz w:val="24"/>
          <w:sz-cs w:val="24"/>
        </w:rPr>
        <w:t xml:space="preserve"/>
        <w:tab/>
        <w:t xml:space="preserve">MT:</w:t>
        <w:tab/>
        <w:t xml:space="preserve"> Yes, they would not, they were not allowed to sell you too much. That Jewish woman that had the bakery, she would always prepare something for my mother to take out later on through the back door, but for some reason that never worked out because I guess they ran out of it.</w:t>
      </w:r>
    </w:p>
    <w:p>
      <w:pPr/>
      <w:r>
        <w:rPr>
          <w:rFonts w:ascii="Helvetica Light" w:hAnsi="Helvetica Light" w:cs="Helvetica Light"/>
          <w:sz w:val="24"/>
          <w:sz-cs w:val="24"/>
        </w:rPr>
        <w:t xml:space="preserve"/>
        <w:tab/>
        <w:t xml:space="preserve">JF:</w:t>
        <w:tab/>
        <w:t xml:space="preserve">You mean for a time?</w:t>
      </w:r>
    </w:p>
    <w:p>
      <w:pPr/>
      <w:r>
        <w:rPr>
          <w:rFonts w:ascii="Helvetica Light" w:hAnsi="Helvetica Light" w:cs="Helvetica Light"/>
          <w:sz w:val="24"/>
          <w:sz-cs w:val="24"/>
        </w:rPr>
        <w:t xml:space="preserve"/>
        <w:tab/>
        <w:t xml:space="preserve">MT:</w:t>
        <w:tab/>
        <w:t xml:space="preserve">After you get in you could only buy, letís say 10 rolls, but she had four kids and herself and her husband.  She would say she would put something away for her, a couple more rolls, but then for some reason, it never actually happened. Because I imagine they were breaking down the door and there was nothing.  Everybody cried and everybody had a child-- things were bad but they were not to the point where you could realize what is happening. But then, all of a sudden, I noticed yellow stars which now I am familiar with, the Star of David, being worn by some people but not all. And I would study the star. It was two right angle triangles. Cardboard covered with cloth, yellow cloth turned separately and pinned together. Thatís how they made those things. Two separate triangles placed on top of each other, turned so that it becomes a star, and they had to carry on their lapel. I donít remember women wearing it, but I remember men had to wear it, in the city of Keszthely, Hungary. So, all of a sudden the places we go to buy food, we notice that they have a star on themselves, but still they did not know what is in store for them, because as soon as you would do that to me, I would try to sneak out, if I would know. But only it shows that nobody knew what the plan was.</w:t>
      </w:r>
    </w:p>
    <w:p>
      <w:pPr/>
      <w:r>
        <w:rPr>
          <w:rFonts w:ascii="Helvetica Light" w:hAnsi="Helvetica Light" w:cs="Helvetica Light"/>
          <w:sz w:val="24"/>
          <w:sz-cs w:val="24"/>
        </w:rPr>
        <w:t xml:space="preserve"/>
        <w:tab/>
        <w:t xml:space="preserve">JF:</w:t>
        <w:tab/>
        <w:t xml:space="preserve">You are thinking that now, or at the time...</w:t>
      </w:r>
    </w:p>
    <w:p>
      <w:pPr/>
      <w:r>
        <w:rPr>
          <w:rFonts w:ascii="Helvetica Light" w:hAnsi="Helvetica Light" w:cs="Helvetica Light"/>
          <w:sz w:val="24"/>
          <w:sz-cs w:val="24"/>
        </w:rPr>
        <w:t xml:space="preserve"/>
        <w:tab/>
        <w:t xml:space="preserve">MT:</w:t>
        <w:tab/>
        <w:t xml:space="preserve">I am thinking that now. At that time I just questioned why? So my parents  explained it to me. That that is the Star of David. These are Jewish people and they are being singled out, like we are. They are being put on a list, and nobody knows what is going to happen, but it is not good. So from that moment everybody was so afraid.  We were afraid to go out on the street, and afraid to say something, and you always looked back who was walking behind you from then on.</w:t>
      </w:r>
    </w:p>
    <w:p>
      <w:pPr/>
      <w:r>
        <w:rPr>
          <w:rFonts w:ascii="Helvetica Light" w:hAnsi="Helvetica Light" w:cs="Helvetica Light"/>
          <w:sz w:val="24"/>
          <w:sz-cs w:val="24"/>
        </w:rPr>
        <w:t xml:space="preserve"/>
        <w:tab/>
        <w:t xml:space="preserve">JF:</w:t>
        <w:tab/>
        <w:t xml:space="preserve">About from what point was this that you recall seeing the stars and having this more intense feeling?</w:t>
      </w:r>
    </w:p>
    <w:p>
      <w:pPr/>
      <w:r>
        <w:rPr>
          <w:rFonts w:ascii="Helvetica Light" w:hAnsi="Helvetica Light" w:cs="Helvetica Light"/>
          <w:sz w:val="24"/>
          <w:sz-cs w:val="24"/>
        </w:rPr>
        <w:t xml:space="preserve"/>
        <w:tab/>
        <w:t xml:space="preserve">MT: </w:t>
        <w:tab/>
        <w:t xml:space="preserve">That was when Hitlerís army was coming back all chewed up. I know we had...</w:t>
      </w:r>
    </w:p>
    <w:p>
      <w:pPr/>
      <w:r>
        <w:rPr>
          <w:rFonts w:ascii="Helvetica Light" w:hAnsi="Helvetica Light" w:cs="Helvetica Light"/>
          <w:sz w:val="24"/>
          <w:sz-cs w:val="24"/>
        </w:rPr>
        <w:t xml:space="preserve"/>
        <w:tab/>
        <w:t xml:space="preserve">JF: </w:t>
        <w:tab/>
        <w:t xml:space="preserve">Coming back from Russia?</w:t>
      </w:r>
    </w:p>
    <w:p>
      <w:pPr/>
      <w:r>
        <w:rPr>
          <w:rFonts w:ascii="Helvetica Light" w:hAnsi="Helvetica Light" w:cs="Helvetica Light"/>
          <w:sz w:val="24"/>
          <w:sz-cs w:val="24"/>
        </w:rPr>
        <w:t xml:space="preserve"/>
        <w:tab/>
        <w:t xml:space="preserve">MT:  </w:t>
        <w:tab/>
        <w:t xml:space="preserve">From Russian front badly chewed up, and there was such a good feeling in us youngsters, politically brought up in hating Hitler, that they are coming back destroyed. Thatís when they started destroying us.</w:t>
      </w:r>
    </w:p>
    <w:p>
      <w:pPr/>
      <w:r>
        <w:rPr>
          <w:rFonts w:ascii="Helvetica Light" w:hAnsi="Helvetica Light" w:cs="Helvetica Light"/>
          <w:sz w:val="24"/>
          <w:sz-cs w:val="24"/>
        </w:rPr>
        <w:t xml:space="preserve"/>
        <w:tab/>
        <w:t xml:space="preserve">JF:</w:t>
        <w:tab/>
        <w:t xml:space="preserve">It didnít last long, that feeling?</w:t>
      </w:r>
    </w:p>
    <w:p>
      <w:pPr/>
      <w:r>
        <w:rPr>
          <w:rFonts w:ascii="Helvetica Light" w:hAnsi="Helvetica Light" w:cs="Helvetica Light"/>
          <w:sz w:val="24"/>
          <w:sz-cs w:val="24"/>
        </w:rPr>
        <w:t xml:space="preserve"/>
        <w:tab/>
        <w:t xml:space="preserve">MT:</w:t>
        <w:tab/>
        <w:t xml:space="preserve">So they gathered Jews later on into ghetto. Ghetto was part of the city that they boarded off. </w:t>
      </w:r>
    </w:p>
    <w:p>
      <w:pPr/>
      <w:r>
        <w:rPr>
          <w:rFonts w:ascii="Helvetica Light" w:hAnsi="Helvetica Light" w:cs="Helvetica Light"/>
          <w:sz w:val="24"/>
          <w:sz-cs w:val="24"/>
        </w:rPr>
        <w:t xml:space="preserve"/>
        <w:tab/>
        <w:t xml:space="preserve">JF:</w:t>
        <w:tab/>
        <w:t xml:space="preserve">Was there a ghetto in your town?</w:t>
      </w:r>
    </w:p>
    <w:p>
      <w:pPr/>
      <w:r>
        <w:rPr>
          <w:rFonts w:ascii="Helvetica Light" w:hAnsi="Helvetica Light" w:cs="Helvetica Light"/>
          <w:sz w:val="24"/>
          <w:sz-cs w:val="24"/>
        </w:rPr>
        <w:t xml:space="preserve"/>
        <w:tab/>
        <w:t xml:space="preserve">MT: </w:t>
        <w:tab/>
        <w:t xml:space="preserve">Yes, every city, I imagine.  I was not in every city. They boarded off with boards. It was not just a ghetto that was part of the city. Itís a closed off the city, guarded by armed guards.  Evacuated from their homes into the ghetto with their belongings, as much as they could take, I guess. What would they take? The best they had, probably, and thatís what probably the territory wanted.</w:t>
      </w:r>
    </w:p>
    <w:p>
      <w:pPr/>
      <w:r>
        <w:rPr>
          <w:rFonts w:ascii="Helvetica Light" w:hAnsi="Helvetica Light" w:cs="Helvetica Light"/>
          <w:sz w:val="24"/>
          <w:sz-cs w:val="24"/>
        </w:rPr>
        <w:t xml:space="preserve"/>
        <w:tab/>
        <w:t xml:space="preserve">JF:</w:t>
        <w:tab/>
        <w:t xml:space="preserve">That is when the Germans occupied...</w:t>
      </w:r>
    </w:p>
    <w:p>
      <w:pPr/>
      <w:r>
        <w:rPr>
          <w:rFonts w:ascii="Helvetica Light" w:hAnsi="Helvetica Light" w:cs="Helvetica Light"/>
          <w:sz w:val="24"/>
          <w:sz-cs w:val="24"/>
        </w:rPr>
        <w:t xml:space="preserve"/>
        <w:tab/>
        <w:t xml:space="preserve">MT:</w:t>
        <w:tab/>
        <w:t xml:space="preserve">That is correct.</w:t>
      </w:r>
    </w:p>
    <w:p>
      <w:pPr/>
      <w:r>
        <w:rPr>
          <w:rFonts w:ascii="Helvetica Light" w:hAnsi="Helvetica Light" w:cs="Helvetica Light"/>
          <w:sz w:val="24"/>
          <w:sz-cs w:val="24"/>
        </w:rPr>
        <w:t xml:space="preserve"/>
        <w:tab/>
        <w:t xml:space="preserve">JF: </w:t>
        <w:tab/>
        <w:t xml:space="preserve">Until that time was there any Russian involvement, where you were in Hungary?</w:t>
      </w:r>
    </w:p>
    <w:p>
      <w:pPr/>
      <w:r>
        <w:rPr>
          <w:rFonts w:ascii="Helvetica Light" w:hAnsi="Helvetica Light" w:cs="Helvetica Light"/>
          <w:sz w:val="24"/>
          <w:sz-cs w:val="24"/>
        </w:rPr>
        <w:t xml:space="preserve"/>
        <w:tab/>
        <w:t xml:space="preserve">MT: </w:t>
        <w:tab/>
        <w:t xml:space="preserve">No. No, we feared Russians, that was why we ran. We feared Russians deadly.  We thought that Germans are more humane, but they turn out not to be in the Second World War. Matter of fact, we would go to church. I was alter boy. The Hungarians didnít like us, but the priests did. For some reason we were more kind, probably, and we were not as arrogant as some of those other boys. We were always shy and kind because you had to be kind to survive. You had to be extremely kind to everyone.</w:t>
      </w:r>
    </w:p>
    <w:p>
      <w:pPr/>
      <w:r>
        <w:rPr>
          <w:rFonts w:ascii="Helvetica Light" w:hAnsi="Helvetica Light" w:cs="Helvetica Light"/>
          <w:sz w:val="24"/>
          <w:sz-cs w:val="24"/>
        </w:rPr>
        <w:t xml:space="preserve"/>
        <w:tab/>
        <w:t xml:space="preserve">JF: </w:t>
        <w:tab/>
        <w:t xml:space="preserve">Why do you say that?</w:t>
      </w:r>
    </w:p>
    <w:p>
      <w:pPr/>
      <w:r>
        <w:rPr>
          <w:rFonts w:ascii="Helvetica Light" w:hAnsi="Helvetica Light" w:cs="Helvetica Light"/>
          <w:sz w:val="24"/>
          <w:sz-cs w:val="24"/>
        </w:rPr>
        <w:t xml:space="preserve"/>
        <w:tab/>
        <w:t xml:space="preserve">MT:</w:t>
        <w:tab/>
        <w:t xml:space="preserve">Knowing that everybody hates you, you become extremely kind. If somebody does not kick you or something. Extremely shy. At least we were brought up that way, to be kind.</w:t>
      </w:r>
    </w:p>
    <w:p>
      <w:pPr/>
      <w:r>
        <w:rPr>
          <w:rFonts w:ascii="Helvetica Light" w:hAnsi="Helvetica Light" w:cs="Helvetica Light"/>
          <w:sz w:val="24"/>
          <w:sz-cs w:val="24"/>
        </w:rPr>
        <w:t xml:space="preserve"/>
        <w:tab/>
        <w:t xml:space="preserve">JF: </w:t>
        <w:tab/>
        <w:t xml:space="preserve">It might be a correction, not to show aggressiveness in some way?</w:t>
      </w:r>
    </w:p>
    <w:p>
      <w:pPr/>
      <w:r>
        <w:rPr>
          <w:rFonts w:ascii="Helvetica Light" w:hAnsi="Helvetica Light" w:cs="Helvetica Light"/>
          <w:sz w:val="24"/>
          <w:sz-cs w:val="24"/>
        </w:rPr>
        <w:t xml:space="preserve"/>
        <w:tab/>
        <w:t xml:space="preserve">MT:</w:t>
        <w:tab/>
        <w:t xml:space="preserve">Angry or anything, yes. German soldiers, not too many, but I remember twice or three times, a single soldier walked in the church and he would make the sign of the cross in the German way, using his thumb and making crosses on his forehead, his chest and arms, his shoulders, with his thumb, and having that uniform on him.  I lifted my head to God and said, ìGod, why canít he be nicer to us when he leaves this house?î  We feared him in the church when he walked in, because that was a deadly force that walked in. A force that had all the rights to life and death. It was all up to him. Nobody else. No courts. He could decide right on the spot, yet he walked in, because perhaps he had a family in Germany that he thought greatly of. But, yet, we didnít mean anything. I never had received one candy from any German soldier or one kind word when I was in Hungary. Because once we were in Germany, it was something else.</w:t>
      </w:r>
    </w:p>
    <w:p>
      <w:pPr/>
      <w:r>
        <w:rPr>
          <w:rFonts w:ascii="Helvetica Light" w:hAnsi="Helvetica Light" w:cs="Helvetica Light"/>
          <w:sz w:val="24"/>
          <w:sz-cs w:val="24"/>
        </w:rPr>
        <w:t xml:space="preserve">After two weeks, like I said, they were put into the ghettos. Shortly after - I didnít think they kept Jews in ghetto more than two weeks - they were transported to Germany. Now, from that moment when they were wearing their Star of David, the word went around that we are in trouble. The Poles are in trouble, big trouble, because if in Hungary the Hungarian citizens are being singled out, we are in terrible danger, terrible danger. I talked to my mother recently-- she said that she wanted the girls that my younger brother was playing with, she wanted to take those two girls before they put them-- when they start putting them in the ghetto, if her parents would allow us to take with us. But, then, she said that she spread the word that she would like to take those kids, the uproar was such that we knew what would happen to us if we take them.</w:t>
      </w:r>
    </w:p>
    <w:p>
      <w:pPr/>
      <w:r>
        <w:rPr>
          <w:rFonts w:ascii="Helvetica Light" w:hAnsi="Helvetica Light" w:cs="Helvetica Light"/>
          <w:sz w:val="24"/>
          <w:sz-cs w:val="24"/>
        </w:rPr>
        <w:t xml:space="preserve"/>
        <w:tab/>
        <w:t xml:space="preserve">JF:</w:t>
        <w:tab/>
        <w:t xml:space="preserve">The uproar from home?</w:t>
      </w:r>
    </w:p>
    <w:p>
      <w:pPr/>
      <w:r>
        <w:rPr>
          <w:rFonts w:ascii="Helvetica Light" w:hAnsi="Helvetica Light" w:cs="Helvetica Light"/>
          <w:sz w:val="24"/>
          <w:sz-cs w:val="24"/>
        </w:rPr>
        <w:t xml:space="preserve"/>
        <w:tab/>
        <w:t xml:space="preserve">MT:</w:t>
        <w:tab/>
        <w:t xml:space="preserve">The Polish community. ìDo you know what you are doing to us? Not to yourself. Do you think about us?î And also, ìHow do you know whether this will be better for you?î I mean, would that be better for them with us or with their own parents? Nobody knew actually that they are going to be destroyed.</w:t>
      </w:r>
    </w:p>
    <w:p>
      <w:pPr/>
      <w:r>
        <w:rPr>
          <w:rFonts w:ascii="Helvetica Light" w:hAnsi="Helvetica Light" w:cs="Helvetica Light"/>
          <w:sz w:val="24"/>
          <w:sz-cs w:val="24"/>
        </w:rPr>
        <w:t xml:space="preserve"/>
        <w:tab/>
        <w:t xml:space="preserve">JF:</w:t>
        <w:tab/>
        <w:t xml:space="preserve">There was no...</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br w:type="page"/>
        <w:t xml:space="preserve"/>
        <w:br w:type="page"/>
        <w:t xml:space="preserve">Tape two, side two:</w:t>
      </w:r>
    </w:p>
    <w:p>
      <w:pPr/>
      <w:r>
        <w:rPr>
          <w:rFonts w:ascii="Helvetica Light" w:hAnsi="Helvetica Light" w:cs="Helvetica Light"/>
          <w:sz w:val="24"/>
          <w:sz-cs w:val="24"/>
        </w:rPr>
        <w:t xml:space="preserve">JF:</w:t>
        <w:tab/>
        <w:t xml:space="preserve">Youíre saying then that the Poles were unaware that the deportations of the Jews meant death?</w:t>
      </w:r>
    </w:p>
    <w:p>
      <w:pPr/>
      <w:r>
        <w:rPr>
          <w:rFonts w:ascii="Helvetica Light" w:hAnsi="Helvetica Light" w:cs="Helvetica Light"/>
          <w:sz w:val="24"/>
          <w:sz-cs w:val="24"/>
        </w:rPr>
        <w:t xml:space="preserve">MT:</w:t>
        <w:tab/>
        <w:t xml:space="preserve">Death. And Jews are unaware of it. Thatís the sad part, because I remember these people walking and nobody cried. They were just-- it was sad that they had to leave their homes. I imagine that it was very sad. But there was nothing like that, ìOh my God, they are being killed.î  Nothing like that.</w:t>
      </w:r>
    </w:p>
    <w:p>
      <w:pPr/>
      <w:r>
        <w:rPr>
          <w:rFonts w:ascii="Helvetica Light" w:hAnsi="Helvetica Light" w:cs="Helvetica Light"/>
          <w:sz w:val="24"/>
          <w:sz-cs w:val="24"/>
        </w:rPr>
        <w:t xml:space="preserve">JF:</w:t>
        <w:tab/>
        <w:t xml:space="preserve">None of your farther contacts with the underground government gave him any clues as to what was happening in concentration camps?</w:t>
      </w:r>
    </w:p>
    <w:p>
      <w:pPr/>
      <w:r>
        <w:rPr>
          <w:rFonts w:ascii="Helvetica Light" w:hAnsi="Helvetica Light" w:cs="Helvetica Light"/>
          <w:sz w:val="24"/>
          <w:sz-cs w:val="24"/>
        </w:rPr>
        <w:t xml:space="preserve">MT:</w:t>
        <w:tab/>
        <w:t xml:space="preserve">For some reason, when we were taken on the train, we still believed, at least my parents believed, or maybe they just tried to pretend to us, that we are going to be alright.</w:t>
      </w:r>
    </w:p>
    <w:p>
      <w:pPr/>
      <w:r>
        <w:rPr>
          <w:rFonts w:ascii="Helvetica Light" w:hAnsi="Helvetica Light" w:cs="Helvetica Light"/>
          <w:sz w:val="24"/>
          <w:sz-cs w:val="24"/>
        </w:rPr>
        <w:t xml:space="preserve">JF:</w:t>
        <w:tab/>
        <w:t xml:space="preserve">Do you think that your father knew?</w:t>
      </w:r>
    </w:p>
    <w:p>
      <w:pPr/>
      <w:r>
        <w:rPr>
          <w:rFonts w:ascii="Helvetica Light" w:hAnsi="Helvetica Light" w:cs="Helvetica Light"/>
          <w:sz w:val="24"/>
          <w:sz-cs w:val="24"/>
        </w:rPr>
        <w:t xml:space="preserve">MT:</w:t>
        <w:tab/>
        <w:t xml:space="preserve">I donít know, but I think he would have told me by now that he knew. The gypsies went first in Hungary, I forgot about them, but there were gypsies...</w:t>
      </w:r>
    </w:p>
    <w:p>
      <w:pPr/>
      <w:r>
        <w:rPr>
          <w:rFonts w:ascii="Helvetica Light" w:hAnsi="Helvetica Light" w:cs="Helvetica Light"/>
          <w:sz w:val="24"/>
          <w:sz-cs w:val="24"/>
        </w:rPr>
        <w:t xml:space="preserve">JF:</w:t>
        <w:tab/>
        <w:t xml:space="preserve">Did you know any gypsies in the area where you lived? </w:t>
      </w:r>
    </w:p>
    <w:p>
      <w:pPr/>
      <w:r>
        <w:rPr>
          <w:rFonts w:ascii="Helvetica Light" w:hAnsi="Helvetica Light" w:cs="Helvetica Light"/>
          <w:sz w:val="24"/>
          <w:sz-cs w:val="24"/>
        </w:rPr>
        <w:t xml:space="preserve">MT:</w:t>
        <w:tab/>
        <w:t xml:space="preserve">Yes, I knew one, I donít remember his name anymore, but he was a very famous gypsy in the town, and he would always walk around. They had axes that they always carried on their shoulder because they used axes to make different dishes out of wood. That they were selling, and it was legal for them to carry an ax as a gypsy, and gypsies would constantly stop in at our homes, at everybodyís home, when they were eating at dinnertime in the evening. A whole bunch of gypsies was very dangerous. You opened the door, and you had to watch everything in your house, because one will talk to you and play on a violin, and the rest of the gang goes around the house and grabs everything that they can.</w:t>
      </w:r>
    </w:p>
    <w:p>
      <w:pPr/>
      <w:r>
        <w:rPr>
          <w:rFonts w:ascii="Helvetica Light" w:hAnsi="Helvetica Light" w:cs="Helvetica Light"/>
          <w:sz w:val="24"/>
          <w:sz-cs w:val="24"/>
        </w:rPr>
        <w:t xml:space="preserve">JF:</w:t>
        <w:tab/>
        <w:t xml:space="preserve">I see.</w:t>
      </w:r>
    </w:p>
    <w:p>
      <w:pPr/>
      <w:r>
        <w:rPr>
          <w:rFonts w:ascii="Helvetica Light" w:hAnsi="Helvetica Light" w:cs="Helvetica Light"/>
          <w:sz w:val="24"/>
          <w:sz-cs w:val="24"/>
        </w:rPr>
        <w:t xml:space="preserve">MT:</w:t>
        <w:tab/>
        <w:t xml:space="preserve">So gypsies were known to rob you blind. They lived in the mountains and caves they did not live in the city, and we would go to the mountain to pick pine cones to heat the home. That was a big thing for the Poles. We could not afford to buy anything else, so we would go and we would take sacks and sacks, and fill them with cones and bring them home, on Sundays, on weekends, when we had no school, we [unclear] home to heat the homes with pine cones, so we would hit the gypsy territory, and we would see that their lifestyle was a little bit different, they were a different type of people. Anyway, they took them. It was all in summertime and their king-- they had a king that looked like a Buddha, a very fat man, had always something wrapping around his waist. He was all naked, very fat and he had, like, four women around him, fanning him, I guess. They were his harem or something, and they took whole bunch of them, maybe around a hundred gypsies, maybe less - but they didnít have much, they just had some horses and whatever. They took them on wagons, horse-buggy thing. Shortly after, itís the Jews that went. It was still in the time summer. </w:t>
      </w:r>
    </w:p>
    <w:p>
      <w:pPr/>
      <w:r>
        <w:rPr>
          <w:rFonts w:ascii="Helvetica Light" w:hAnsi="Helvetica Light" w:cs="Helvetica Light"/>
          <w:sz w:val="24"/>
          <w:sz-cs w:val="24"/>
        </w:rPr>
        <w:t xml:space="preserve">JF:</w:t>
        <w:tab/>
        <w:t xml:space="preserve">This is the summer, then, of 1944?</w:t>
      </w:r>
    </w:p>
    <w:p>
      <w:pPr/>
      <w:r>
        <w:rPr>
          <w:rFonts w:ascii="Helvetica Light" w:hAnsi="Helvetica Light" w:cs="Helvetica Light"/>
          <w:sz w:val="24"/>
          <w:sz-cs w:val="24"/>
        </w:rPr>
        <w:t xml:space="preserve">MT:</w:t>
        <w:tab/>
        <w:t xml:space="preserve">1944. In the fall of ë44 the Poles were rounded up and thrown into the ghetto. Not the same ghetto as Jews were because we were a small group. We had like a study hall or something they were renting for Poles where they played chess and so forth. Thatís where they gathered us, it was one big mansion, I think, at one time.</w:t>
      </w:r>
    </w:p>
    <w:p>
      <w:pPr/>
      <w:r>
        <w:rPr>
          <w:rFonts w:ascii="Helvetica Light" w:hAnsi="Helvetica Light" w:cs="Helvetica Light"/>
          <w:sz w:val="24"/>
          <w:sz-cs w:val="24"/>
        </w:rPr>
        <w:t xml:space="preserve">JF:</w:t>
        <w:tab/>
        <w:t xml:space="preserve">They gathered you in this mansion in the fall of 1944?</w:t>
      </w:r>
    </w:p>
    <w:p>
      <w:pPr/>
      <w:r>
        <w:rPr>
          <w:rFonts w:ascii="Helvetica Light" w:hAnsi="Helvetica Light" w:cs="Helvetica Light"/>
          <w:sz w:val="24"/>
          <w:sz-cs w:val="24"/>
        </w:rPr>
        <w:t xml:space="preserve">MT:</w:t>
        <w:tab/>
        <w:t xml:space="preserve">In this mansion they put us all Poles in there. Now, as a youngster my experience was that they came from one house to another and they arrested everybody in the house, took them out on the street and walked us under guard to the next house where the Poles lived, so you could not give signals or anything.</w:t>
      </w:r>
    </w:p>
    <w:p>
      <w:pPr/>
      <w:r>
        <w:rPr>
          <w:rFonts w:ascii="Helvetica Light" w:hAnsi="Helvetica Light" w:cs="Helvetica Light"/>
          <w:sz w:val="24"/>
          <w:sz-cs w:val="24"/>
        </w:rPr>
        <w:t xml:space="preserve">JF:</w:t>
        <w:tab/>
        <w:t xml:space="preserve">Who was doing this?</w:t>
      </w:r>
    </w:p>
    <w:p>
      <w:pPr/>
      <w:r>
        <w:rPr>
          <w:rFonts w:ascii="Helvetica Light" w:hAnsi="Helvetica Light" w:cs="Helvetica Light"/>
          <w:sz w:val="24"/>
          <w:sz-cs w:val="24"/>
        </w:rPr>
        <w:t xml:space="preserve">MT:</w:t>
        <w:tab/>
        <w:t xml:space="preserve">Those were the German soldiers. And Hungarians. Both. The Hungarians, I guess, knew where we lived, and the Germans made sure that it was done. Then they put us into that place, though, it was only German soldiers that guarded us. They did not trust, maybe, Hungarians. Perhaps they felt that some Hungarians were too friendly with us prior to this, prior to the arrests, and there might be something. </w:t>
      </w:r>
    </w:p>
    <w:p>
      <w:pPr/>
      <w:r>
        <w:rPr>
          <w:rFonts w:ascii="Helvetica Light" w:hAnsi="Helvetica Light" w:cs="Helvetica Light"/>
          <w:sz w:val="24"/>
          <w:sz-cs w:val="24"/>
        </w:rPr>
        <w:t xml:space="preserve">JF:</w:t>
        <w:tab/>
        <w:t xml:space="preserve">They might have some feeling for you.</w:t>
      </w:r>
    </w:p>
    <w:p>
      <w:pPr/>
      <w:r>
        <w:rPr>
          <w:rFonts w:ascii="Helvetica Light" w:hAnsi="Helvetica Light" w:cs="Helvetica Light"/>
          <w:sz w:val="24"/>
          <w:sz-cs w:val="24"/>
        </w:rPr>
        <w:t xml:space="preserve">MT:</w:t>
        <w:tab/>
        <w:t xml:space="preserve">Yes. I donít remember, for some reason I have so many blanks in my mind, Iíve often tried to figure out why I am scared to ask my parents. Because each time that I do that it is opening a wound, and then I feel so terrible for such a long time because I know that they feel terrible and I hate to go and visit them to give them a load, to cheer them up; here comes your son and then leave them in such agony.  But I remember my friend Lotsie [phonetic], Louie, Hungarian. We lived in the same building. They were occupying the first floor and we were occupying the second floor in that building that my parents were renting. He was also renting that place. And his father was sailmaker, for sailboats. He was very good friend of ours. As a matter of fact, we spent more time in his place than ours. When my parents needed us, they always went down and got us. When they took us into that what I call a prison, one morning I saw Lotsie at the fence. It was all fenced in, iron fence, real big fence. The property was all fenced in. And I went up to him. ìLotsie,î and he went away from the fence before I got there. Iím sure he cried. When he went away, that he was not allowed to have any deals with us. At that time I didnít understand but it hurt so much; it hurt so much that my best friend, my best friend in the whole world would not speak to me anymore. He ran away. From then on I never saw him anymore. But we did not stay there that long. (pause) So then, a few days later, they started to prepare us to evacuate from that building to the railroad station.</w:t>
      </w:r>
    </w:p>
    <w:p>
      <w:pPr/>
      <w:r>
        <w:rPr>
          <w:rFonts w:ascii="Helvetica Light" w:hAnsi="Helvetica Light" w:cs="Helvetica Light"/>
          <w:sz w:val="24"/>
          <w:sz-cs w:val="24"/>
        </w:rPr>
        <w:t xml:space="preserve">JF:</w:t>
        <w:tab/>
        <w:t xml:space="preserve">Where did you think you were going to go? </w:t>
      </w:r>
    </w:p>
    <w:p>
      <w:pPr/>
      <w:r>
        <w:rPr>
          <w:rFonts w:ascii="Helvetica Light" w:hAnsi="Helvetica Light" w:cs="Helvetica Light"/>
          <w:sz w:val="24"/>
          <w:sz-cs w:val="24"/>
        </w:rPr>
        <w:t xml:space="preserve">MT:</w:t>
        <w:tab/>
        <w:t xml:space="preserve">We were going to Germany to the camps.  Thatís what I was told, to work. For work.</w:t>
      </w:r>
    </w:p>
    <w:p>
      <w:pPr/>
      <w:r>
        <w:rPr>
          <w:rFonts w:ascii="Helvetica Light" w:hAnsi="Helvetica Light" w:cs="Helvetica Light"/>
          <w:sz w:val="24"/>
          <w:sz-cs w:val="24"/>
        </w:rPr>
        <w:t xml:space="preserve">JF: What do you think your parents thought? Do you think they believed that?</w:t>
      </w:r>
    </w:p>
    <w:p>
      <w:pPr/>
      <w:r>
        <w:rPr>
          <w:rFonts w:ascii="Helvetica Light" w:hAnsi="Helvetica Light" w:cs="Helvetica Light"/>
          <w:sz w:val="24"/>
          <w:sz-cs w:val="24"/>
        </w:rPr>
        <w:t xml:space="preserve">MT:</w:t>
        <w:tab/>
        <w:t xml:space="preserve">At that time, looking at it now, they must have believed it, because we already heard the Russian guns at t distance and they chose Germany instead of being caught by the Russians. So that actually what they did is choose the better from two evils. I believe they trusted the Germans more than they trusted the Russians. I believe they felt the Germans were more intelligent individuals, civilized than the eastern Russian hordes There were terrible stories about Russians from the First World War, how they were raping young women and doing whatever they wished to with everybody. We were not girls, but parents still didnít want to face that enemy.</w:t>
      </w:r>
    </w:p>
    <w:p>
      <w:pPr/>
      <w:r>
        <w:rPr>
          <w:rFonts w:ascii="Helvetica Light" w:hAnsi="Helvetica Light" w:cs="Helvetica Light"/>
          <w:sz w:val="24"/>
          <w:sz-cs w:val="24"/>
        </w:rPr>
        <w:t xml:space="preserve">JF:</w:t>
        <w:tab/>
        <w:t xml:space="preserve">At this time you were 11 years old.</w:t>
      </w:r>
    </w:p>
    <w:p>
      <w:pPr/>
      <w:r>
        <w:rPr>
          <w:rFonts w:ascii="Helvetica Light" w:hAnsi="Helvetica Light" w:cs="Helvetica Light"/>
          <w:sz w:val="24"/>
          <w:sz-cs w:val="24"/>
        </w:rPr>
        <w:t xml:space="preserve">MT:</w:t>
        <w:tab/>
        <w:t xml:space="preserve">I was 11 and then...</w:t>
      </w:r>
    </w:p>
    <w:p>
      <w:pPr/>
      <w:r>
        <w:rPr>
          <w:rFonts w:ascii="Helvetica Light" w:hAnsi="Helvetica Light" w:cs="Helvetica Light"/>
          <w:sz w:val="24"/>
          <w:sz-cs w:val="24"/>
        </w:rPr>
        <w:t xml:space="preserve">JF:</w:t>
        <w:tab/>
        <w:t xml:space="preserve">You had an older brother who was 12. And your younger two brothers were...?</w:t>
      </w:r>
    </w:p>
    <w:p>
      <w:pPr/>
      <w:r>
        <w:rPr>
          <w:rFonts w:ascii="Helvetica Light" w:hAnsi="Helvetica Light" w:cs="Helvetica Light"/>
          <w:sz w:val="24"/>
          <w:sz-cs w:val="24"/>
        </w:rPr>
        <w:t xml:space="preserve">MT:</w:t>
        <w:tab/>
        <w:t xml:space="preserve">I think itís about a one year difference. So then my younger one was 10 and my youngest one was-- He was born in ë39. So he was five. My oldest brother was born in ë32 and I was born in ë34, but he was born in November ë32 and I was born in January ë34, so that gives us only two years apart. Right? And my younger brother was born in ë36 and then ë39 the youngest. Now prior to that, they were taking, arresting, after they sent the Jews out to Germany in the summertime, they started to arrest the Polish male, including young boys from age of 12 and over, to walk to Germany.  My father, at that time, and my brother were hiding. We were hiding them in the basement behind a pile of wood to be used in the furnace. We formed like a little hideout for them and they stayed there until the men were removed from our territory.</w:t>
      </w:r>
    </w:p>
    <w:p>
      <w:pPr/>
      <w:r>
        <w:rPr>
          <w:rFonts w:ascii="Helvetica Light" w:hAnsi="Helvetica Light" w:cs="Helvetica Light"/>
          <w:sz w:val="24"/>
          <w:sz-cs w:val="24"/>
        </w:rPr>
        <w:t xml:space="preserve">JF:</w:t>
        <w:tab/>
        <w:t xml:space="preserve">Your father and your brother?</w:t>
      </w:r>
    </w:p>
    <w:p>
      <w:pPr/>
      <w:r>
        <w:rPr>
          <w:rFonts w:ascii="Helvetica Light" w:hAnsi="Helvetica Light" w:cs="Helvetica Light"/>
          <w:sz w:val="24"/>
          <w:sz-cs w:val="24"/>
        </w:rPr>
        <w:t xml:space="preserve">MT:</w:t>
        <w:tab/>
        <w:t xml:space="preserve">My father and my brother were hiding. My mother didnít want to let them go. ìNo way,î she said, ìwhatever happens we will go together.î So, shortly after, they went through all the homes and they arrested everybody, like I was mentioning before. They took us all out into the ghetto. So now we were ready to go to the railroad station. A lot of men are gone already. Younger and younger boys. A lot of women are left behind. A lot of old women and children.</w:t>
      </w:r>
    </w:p>
    <w:p>
      <w:pPr/>
      <w:r>
        <w:rPr>
          <w:rFonts w:ascii="Helvetica Light" w:hAnsi="Helvetica Light" w:cs="Helvetica Light"/>
          <w:sz w:val="24"/>
          <w:sz-cs w:val="24"/>
        </w:rPr>
        <w:t xml:space="preserve">JF:</w:t>
        <w:tab/>
        <w:t xml:space="preserve"> They were just left? They were just not picked up?</w:t>
      </w:r>
    </w:p>
    <w:p>
      <w:pPr/>
      <w:r>
        <w:rPr>
          <w:rFonts w:ascii="Helvetica Light" w:hAnsi="Helvetica Light" w:cs="Helvetica Light"/>
          <w:sz w:val="24"/>
          <w:sz-cs w:val="24"/>
        </w:rPr>
        <w:t xml:space="preserve">MT:</w:t>
        <w:tab/>
        <w:t xml:space="preserve"> The first group of males had to walk to Germany because they were able to. It was tough, the way we picture, walking all the way to Germany. Half of them will die on the way. So they took us.  So now comes this moment of leaving the ghetto, home, for the railroad station. The last hurrah. We are trying to take everything dearest to us with us. The dearest thing that I had was a stamp collection. A lot of those stamps were the latest stamps of Hitler, the latest issues of Hitler, but, yet, as a stamp collector, to me, it meant a treasure because I had a full set of each issue and they were beautiful. Hitler stamps were large and colorful. The other stamps were not as pretty. These were extremely large for that time. They were like an inch and a half by two inches. Stamps. So, I had all kinds of stamps; Hungarian stamps and French stamps and English stamps, and I was exchanging with Hungarian boys who collected stamps. It was a big hobby. There was no drugs that we played around with. We were much too young to think about women, so we collected stamps. It was a big hobby, and it was something  that we got deeply involved in. So, I had these two or three books of stamps, and I was carrying them under my arms, and this German soldier kicked me, and the stamps fell out of the books from under my arm. So I started grabbing them, and he put his foot on it. I was not allowed to. So I grabbed one from under his foot. Big foot, big boots. Very big boots. Wintertime. And I started tearing up the stamp collection, crying and tearing it up. Well, one good kick in my butt made me fly and that was all left behind. For some reason, that was the most important thing to me at that moment. My parents probably thought about whatís going to happen to us. I was thinking about my stamp collection. I had spent two years probably collecting it, or a year and a half, or a year...</w:t>
      </w:r>
    </w:p>
    <w:p>
      <w:pPr/>
      <w:r>
        <w:rPr>
          <w:rFonts w:ascii="Helvetica Light" w:hAnsi="Helvetica Light" w:cs="Helvetica Light"/>
          <w:sz w:val="24"/>
          <w:sz-cs w:val="24"/>
        </w:rPr>
        <w:t xml:space="preserve">JF:</w:t>
        <w:tab/>
        <w:t xml:space="preserve">In tearing it up, what were you feeling?</w:t>
      </w:r>
    </w:p>
    <w:p>
      <w:pPr/>
      <w:r>
        <w:rPr>
          <w:rFonts w:ascii="Helvetica Light" w:hAnsi="Helvetica Light" w:cs="Helvetica Light"/>
          <w:sz w:val="24"/>
          <w:sz-cs w:val="24"/>
        </w:rPr>
        <w:t xml:space="preserve">MT:</w:t>
        <w:tab/>
        <w:t xml:space="preserve">I didnít want him, them, to have my treasure. I wanted to destroy. If I canít have it, I will not allow you to enjoy my pleasure, and I felt good about the few pages that I ripped up. That ended right there. We were allowed to take one, like a box of goodies, goodies of our clothes and so forth, for the whole family. It was like a basket type. What would you call it? A basket type?</w:t>
      </w:r>
    </w:p>
    <w:p>
      <w:pPr/>
      <w:r>
        <w:rPr>
          <w:rFonts w:ascii="Helvetica Light" w:hAnsi="Helvetica Light" w:cs="Helvetica Light"/>
          <w:sz w:val="24"/>
          <w:sz-cs w:val="24"/>
        </w:rPr>
        <w:t xml:space="preserve">JF:</w:t>
        <w:tab/>
        <w:t xml:space="preserve">Like a wicker basket?</w:t>
      </w:r>
    </w:p>
    <w:p>
      <w:pPr/>
      <w:r>
        <w:rPr>
          <w:rFonts w:ascii="Helvetica Light" w:hAnsi="Helvetica Light" w:cs="Helvetica Light"/>
          <w:sz w:val="24"/>
          <w:sz-cs w:val="24"/>
        </w:rPr>
        <w:t xml:space="preserve">MT:</w:t>
        <w:tab/>
        <w:t xml:space="preserve">Yes, wicker, it was quite large, like a desk size.</w:t>
      </w:r>
    </w:p>
    <w:p>
      <w:pPr/>
      <w:r>
        <w:rPr>
          <w:rFonts w:ascii="Helvetica Light" w:hAnsi="Helvetica Light" w:cs="Helvetica Light"/>
          <w:sz w:val="24"/>
          <w:sz-cs w:val="24"/>
        </w:rPr>
        <w:t xml:space="preserve">JF:</w:t>
        <w:tab/>
        <w:t xml:space="preserve">Like a hamper? A wicker hamper?</w:t>
      </w:r>
    </w:p>
    <w:p>
      <w:pPr/>
      <w:r>
        <w:rPr>
          <w:rFonts w:ascii="Helvetica Light" w:hAnsi="Helvetica Light" w:cs="Helvetica Light"/>
          <w:sz w:val="24"/>
          <w:sz-cs w:val="24"/>
        </w:rPr>
        <w:t xml:space="preserve">MT:</w:t>
        <w:tab/>
        <w:t xml:space="preserve">Like a hamper. It was rectangular. I would say it was not quite a yard in width and maybe 2 yards in length, and maybe another yard in height. And we put our things in it. Now, prior to that, my mother was preparing, knowing that we were going to be leaving - she was taking - there was no-- it was hard to make up her mind, I guess, what to take with us, but food was important. Now, what can you take in food? Nothing. There was nothing instant like we have now. Dried food, none around. She would take yeast, a block of yeast and mix it with flour and dry it out that way, and then she packed it into bottles and we took some yeast with us. I donít know what for, and one bag of flour, which they didnít allow her to take with us. Then my mother started to rip the sack apart, so finally one of them - she went actually wild. She couldnít take it anymore. A nervous breakdown, I guess, and she started to scream, yelling and crying and they said, ìAh, let her have that sack. Big deal.î In other words, ìI wouldnít use it anyway.î So we took it. It was December 31, 1944. There was a lot of snow all around. Cold. But for some reason, this excitement, this everything, I donít remember being cold. But it was tremendously windy and a whole lot of snow. They took us maybe three and a half kilometers, so thatís what about one and a half mile to the railroad station.</w:t>
      </w:r>
    </w:p>
    <w:p>
      <w:pPr/>
      <w:r>
        <w:rPr>
          <w:rFonts w:ascii="Helvetica Light" w:hAnsi="Helvetica Light" w:cs="Helvetica Light"/>
          <w:sz w:val="24"/>
          <w:sz-cs w:val="24"/>
        </w:rPr>
        <w:t xml:space="preserve">JF:</w:t>
        <w:tab/>
        <w:t xml:space="preserve">You walked?</w:t>
      </w:r>
    </w:p>
    <w:p>
      <w:pPr/>
      <w:r>
        <w:rPr>
          <w:rFonts w:ascii="Helvetica Light" w:hAnsi="Helvetica Light" w:cs="Helvetica Light"/>
          <w:sz w:val="24"/>
          <w:sz-cs w:val="24"/>
        </w:rPr>
        <w:t xml:space="preserve">MT:</w:t>
        <w:tab/>
        <w:t xml:space="preserve">We walked, sure, and we had to drag that stuff. But it wasnít too bad on the snow. It was sliding. There was no sleds, we just had to carry and drag whatever we had. We got to the railroad station and there was a lot of soldiers there. All helmets, uniforms, boots, and a lot of guns. It was a very uncomfortable set up. There was no more civilian life at all. Just us; a small herd of people. Empty railroad cars, animal cars, with open doors, and us. Well, we started I guess, they were cold or something, they started counting us out and throwing us into the animal wagons. If I remember, there were 79 people in our wagon, packed like sardines. They slammed the door shut - It was a sliding-type door, and they put the kind of lock you put on that if somebody breaks it you know theyíve broken into it. With lead, wire and lead, so nobody was allowed to open the wagons. There were big cracks in the wagon, just like we see animal wagons. You can see animals through the wagon. This was December 31, and it was probably like 2:30 or 3 oíclock in the afternoon. They did not feed us that day at all, we probably did not eat anything. They locked us in that train and we stayed there till midnight. I remember the whistles, the sirens welcoming New Yearís Eve. New Yearís and we were all in a cage already.</w:t>
      </w:r>
    </w:p>
    <w:p>
      <w:pPr/>
      <w:r>
        <w:rPr>
          <w:rFonts w:ascii="Helvetica Light" w:hAnsi="Helvetica Light" w:cs="Helvetica Light"/>
          <w:sz w:val="24"/>
          <w:sz-cs w:val="24"/>
        </w:rPr>
        <w:t xml:space="preserve">JF:</w:t>
        <w:tab/>
        <w:t xml:space="preserve"> Just waiting at the station?</w:t>
      </w:r>
    </w:p>
    <w:p>
      <w:pPr/>
      <w:r>
        <w:rPr>
          <w:rFonts w:ascii="Helvetica Light" w:hAnsi="Helvetica Light" w:cs="Helvetica Light"/>
          <w:sz w:val="24"/>
          <w:sz-cs w:val="24"/>
        </w:rPr>
        <w:t xml:space="preserve">MT:</w:t>
        <w:tab/>
        <w:t xml:space="preserve">Just waiting. All those hours cold, windy, but then it got worse because the wind started to whistle. And the people started to sing. They started to do different things to occupy their minds. And I remember that the men were yelling out every so often to change place. change place. At that time I didnít realize what they were doing, but they were changing places on the outside against the wall. Whoever was, had to change. First he was facing the outside, then he would turn around back towards the outside and then they would move in and next group would take the outside line, because they realized that they would all freeze. Constantly, they had to move their feet and everything with a boom, boom, boom, boom. Everybody was marching someplace, and yet you couldnít lift your feet high or anything because you were hitting next person. It was very, very crowded.</w:t>
      </w:r>
    </w:p>
    <w:p>
      <w:pPr/>
      <w:r>
        <w:rPr>
          <w:rFonts w:ascii="Helvetica Light" w:hAnsi="Helvetica Light" w:cs="Helvetica Light"/>
          <w:sz w:val="24"/>
          <w:sz-cs w:val="24"/>
        </w:rPr>
        <w:t xml:space="preserve">JF:</w:t>
        <w:tab/>
        <w:t xml:space="preserve">The group that you were with were all Polish refugees like yourself?</w:t>
      </w:r>
    </w:p>
    <w:p>
      <w:pPr/>
      <w:r>
        <w:rPr>
          <w:rFonts w:ascii="Helvetica Light" w:hAnsi="Helvetica Light" w:cs="Helvetica Light"/>
          <w:sz w:val="24"/>
          <w:sz-cs w:val="24"/>
        </w:rPr>
        <w:t xml:space="preserve">MT:</w:t>
        <w:tab/>
        <w:t xml:space="preserve">All Polish refugees, and this group was mostly old women and, of course, women with children, wives that had been left behind from the husbands that had already left, and older, intelligent people. People that had positions. They all had big titles and in Europe it was very fashionable to use a title. If you spoke to the wife of a doctor, you would have to say, ìMrs. Doctor and so and so,î and if it was the wife of an engineer you would have to say, ìMrs. Engineer,î and if it was the wife of a judge, ìMrs. Judge.î Titles were very important in those days. All those people I remember had very big titles. So, finally, around after midnight, after two oíclock in the morning I think, they started moving us out from the railroad station and we started to go and then things got worse. When the train picked up a speed then the wind was really cutting right through the whole thing. I didnít realize it. When we were standing still, we were still warm, but when we started to move, then it was cold, even for us.</w:t>
      </w:r>
    </w:p>
    <w:p>
      <w:pPr/>
      <w:r>
        <w:rPr>
          <w:rFonts w:ascii="Helvetica Light" w:hAnsi="Helvetica Light" w:cs="Helvetica Light"/>
          <w:sz w:val="24"/>
          <w:sz-cs w:val="24"/>
        </w:rPr>
        <w:t xml:space="preserve">JF:</w:t>
        <w:tab/>
        <w:t xml:space="preserve">How many cars were there? You said there were about seventy-nine people in your car.</w:t>
      </w:r>
    </w:p>
    <w:p>
      <w:pPr/>
      <w:r>
        <w:rPr>
          <w:rFonts w:ascii="Helvetica Light" w:hAnsi="Helvetica Light" w:cs="Helvetica Light"/>
          <w:sz w:val="24"/>
          <w:sz-cs w:val="24"/>
        </w:rPr>
        <w:t xml:space="preserve">MT:</w:t>
        <w:tab/>
        <w:t xml:space="preserve">Seventy-nine people to the car. I imagine when they let us out, I would say there was around six cars. Not too many. There was an awful lot of horse manure on the floor of that wagon. Later on I heard the adults say that thatís what saved our lives. Horse manure has the heating capacity or something. Whatever they meant by that, I donít know, but it was the </w:t>
        <w:br w:type="page"/>
        <w:t xml:space="preserve">insulation from the floor.</w:t>
      </w:r>
    </w:p>
    <w:p>
      <w:pPr/>
      <w:r>
        <w:rPr>
          <w:rFonts w:ascii="Helvetica Light" w:hAnsi="Helvetica Light" w:cs="Helvetica Light"/>
          <w:sz w:val="24"/>
          <w:sz-cs w:val="24"/>
        </w:rPr>
        <w:t xml:space="preserve">JF:</w:t>
        <w:tab/>
        <w:t xml:space="preserve">How long were you on the train?</w:t>
      </w:r>
    </w:p>
    <w:p>
      <w:pPr/>
      <w:r>
        <w:rPr>
          <w:rFonts w:ascii="Helvetica Light" w:hAnsi="Helvetica Light" w:cs="Helvetica Light"/>
          <w:sz w:val="24"/>
          <w:sz-cs w:val="24"/>
        </w:rPr>
        <w:t xml:space="preserve">MT:</w:t>
        <w:tab/>
        <w:t xml:space="preserve">We were on the train probably three days until we got to Austria, the first camp.</w:t>
      </w:r>
    </w:p>
    <w:p>
      <w:pPr/>
      <w:r>
        <w:rPr>
          <w:rFonts w:ascii="Helvetica Light" w:hAnsi="Helvetica Light" w:cs="Helvetica Light"/>
          <w:sz w:val="24"/>
          <w:sz-cs w:val="24"/>
        </w:rPr>
        <w:t xml:space="preserve">JF:</w:t>
        <w:tab/>
        <w:t xml:space="preserve">Were you able to get out of the train at any time? Or receive any food at any time, or were you totally locked up?</w:t>
      </w:r>
    </w:p>
    <w:p>
      <w:pPr/>
      <w:r>
        <w:rPr>
          <w:rFonts w:ascii="Helvetica Light" w:hAnsi="Helvetica Light" w:cs="Helvetica Light"/>
          <w:sz w:val="24"/>
          <w:sz-cs w:val="24"/>
        </w:rPr>
        <w:t xml:space="preserve">MT:</w:t>
        <w:tab/>
        <w:t xml:space="preserve">No. We were totally locked up. They were not allowed to unlock that door. That door was not padlocked, only was sealed. A wire and lead type lock and if you would break it, they would know. Somebody would have to answer for it, why it was opened. The first stop that they made, that they were allowed to open it, was at some field. It was probably very early in the morning. It was not in the evening. It must have been in the morning, because I can remember the sun coming out, shining over the snow valleys. They allowed us to make a circle and take care of our needs as human beings; to urinate, etc. It was very cold. I know we were huddling around my mother and not knowing what to do. We never did anything like that in the presence of other people, surrounded by people with guns around. Circle was small. They made so many circles, I guess, each wagon, I guess, was not allowed to mingle with the other. They were separate. Each circle. And I remember just one old lady, she was saying to my mother, "How can I?" She also had a very big title, whatever it was. "How can I do it?" I think a judgeís wife. "How can I do this?" No. My mother said, "How can I do this in front of all this?" And the old lady says, "Just lift your skirt, and donít worry about it. We are in a cage now. We are no longer humans. Donít worry about that." So they kept us there for quite a while. I donít know why. Whether they couldnít make up their minds what to do...</w:t>
      </w:r>
    </w:p>
    <w:p>
      <w:pPr/>
      <w:r>
        <w:rPr>
          <w:rFonts w:ascii="Helvetica Light" w:hAnsi="Helvetica Light" w:cs="Helvetica Light"/>
          <w:sz w:val="24"/>
          <w:sz-cs w:val="24"/>
        </w:rPr>
        <w:t xml:space="preserve">JF:</w:t>
        <w:tab/>
        <w:t xml:space="preserve">You mean they kept you outside?</w:t>
      </w:r>
    </w:p>
    <w:p>
      <w:pPr/>
      <w:r>
        <w:rPr>
          <w:rFonts w:ascii="Helvetica Light" w:hAnsi="Helvetica Light" w:cs="Helvetica Light"/>
          <w:sz w:val="24"/>
          <w:sz-cs w:val="24"/>
        </w:rPr>
        <w:t xml:space="preserve">MT:</w:t>
        <w:tab/>
        <w:t xml:space="preserve">Outside in the snow. Finally they told us to get back. I donít know if they were searching the wagons. Perhaps somebody was hiding something, some kind of a radio, I donít know, but finally they let us back into the wagons. It felt funny. When I went back to the wagon, the first time I felt like I am secure again, like I am in a house, in a home, because I was brought in from that terrible snow and wind and everything. Back at home. Terrible. Then they locked us up again and started moving slow, choo, choo, choo-- picked up speed and then there was this very ungodly sound, because it was whistling [makes whistling sound] right through the whole darn thing.</w:t>
      </w:r>
    </w:p>
    <w:p>
      <w:pPr/>
      <w:r>
        <w:rPr>
          <w:rFonts w:ascii="Helvetica Light" w:hAnsi="Helvetica Light" w:cs="Helvetica Light"/>
          <w:sz w:val="24"/>
          <w:sz-cs w:val="24"/>
        </w:rPr>
        <w:t xml:space="preserve">JF:</w:t>
        <w:tab/>
        <w:t xml:space="preserve">The wind was whistling?</w:t>
      </w:r>
    </w:p>
    <w:p>
      <w:pPr/>
      <w:r>
        <w:rPr>
          <w:rFonts w:ascii="Helvetica Light" w:hAnsi="Helvetica Light" w:cs="Helvetica Light"/>
          <w:sz w:val="24"/>
          <w:sz-cs w:val="24"/>
        </w:rPr>
        <w:t xml:space="preserve">MT:</w:t>
        <w:tab/>
        <w:t xml:space="preserve">The wind, yes.</w:t>
        <w:tab/>
        <w:t xml:space="preserve"/>
        <w:tab/>
        <w:t xml:space="preserve"/>
        <w:tab/>
        <w:t xml:space="preserve"/>
        <w:tab/>
        <w:t xml:space="preserve"/>
      </w:r>
    </w:p>
    <w:p>
      <w:pPr/>
      <w:r>
        <w:rPr>
          <w:rFonts w:ascii="Helvetica Light" w:hAnsi="Helvetica Light" w:cs="Helvetica Light"/>
          <w:sz w:val="24"/>
          <w:sz-cs w:val="24"/>
        </w:rPr>
        <w:t xml:space="preserve">JF:</w:t>
        <w:tab/>
        <w:t xml:space="preserve">Did you know exactly your destination? Or you were just told it would be a camp?</w:t>
      </w:r>
    </w:p>
    <w:p>
      <w:pPr/>
      <w:r>
        <w:rPr>
          <w:rFonts w:ascii="Helvetica Light" w:hAnsi="Helvetica Light" w:cs="Helvetica Light"/>
          <w:sz w:val="24"/>
          <w:sz-cs w:val="24"/>
        </w:rPr>
        <w:t xml:space="preserve">MT:</w:t>
        <w:tab/>
        <w:t xml:space="preserve">Was told Germany. No. Exactly where nobody knew. Then they stopped at some railroad station, still in Hungary, later on in the day and we were yelling, "Brothers," in Hungarian, "Brothers, water, water, brothers, water," because they were watering the tanks. They were not diesels at that time. They were coal. Trains run by coal and they needed water. So they were watering the engine but they would not give us any water. We could hear the water going and we needed water. We wanted water, but I guess they were not allowed to give us any. The next stop was Prague, Czechoslovakia. That was in the daytime, maybe two oíclock, maybe a little bit earlier. They let us out. They opened the trains and Czechs spoke similar language as we did. Similarity is probably like English to South Carolina or something. British to South Carolina. You could tell-- you could figure out; it was enough you could be able to figure out what they were saying.</w:t>
      </w:r>
    </w:p>
    <w:p>
      <w:pPr/>
      <w:r>
        <w:rPr>
          <w:rFonts w:ascii="Helvetica Light" w:hAnsi="Helvetica Light" w:cs="Helvetica Light"/>
          <w:sz w:val="24"/>
          <w:sz-cs w:val="24"/>
        </w:rPr>
        <w:t xml:space="preserve">JF:</w:t>
        <w:tab/>
        <w:t xml:space="preserve">Was this in the city of Prague, that they stopped the train?</w:t>
      </w:r>
    </w:p>
    <w:p>
      <w:pPr/>
      <w:r>
        <w:rPr>
          <w:rFonts w:ascii="Helvetica Light" w:hAnsi="Helvetica Light" w:cs="Helvetica Light"/>
          <w:sz w:val="24"/>
          <w:sz-cs w:val="24"/>
        </w:rPr>
        <w:t xml:space="preserve">MT:</w:t>
        <w:tab/>
        <w:t xml:space="preserve">Yes.</w:t>
      </w:r>
    </w:p>
    <w:p>
      <w:pPr/>
      <w:r>
        <w:rPr>
          <w:rFonts w:ascii="Helvetica Light" w:hAnsi="Helvetica Light" w:cs="Helvetica Light"/>
          <w:sz w:val="24"/>
          <w:sz-cs w:val="24"/>
        </w:rPr>
        <w:t xml:space="preserve">JF:</w:t>
        <w:tab/>
        <w:t xml:space="preserve">In the main railroad station?</w:t>
      </w:r>
    </w:p>
    <w:p>
      <w:pPr/>
      <w:r>
        <w:rPr>
          <w:rFonts w:ascii="Helvetica Light" w:hAnsi="Helvetica Light" w:cs="Helvetica Light"/>
          <w:sz w:val="24"/>
          <w:sz-cs w:val="24"/>
        </w:rPr>
        <w:t xml:space="preserve">MT:</w:t>
        <w:tab/>
        <w:t xml:space="preserve">Not in the main station. They never stopped in the main. They pulled over to some side a little further, never where you had a roof over your head. Someplace to the side, some kind of spare parking place, probably. There we were allowed - I guess Czechs made that deal with somebody - we were allowed to go to the nearest restaurant. I know we had some hot dumplings, made over steam. And it was so good. They were hot.</w:t>
      </w:r>
    </w:p>
    <w:p>
      <w:pPr/>
      <w:r>
        <w:rPr>
          <w:rFonts w:ascii="Helvetica Light" w:hAnsi="Helvetica Light" w:cs="Helvetica Light"/>
          <w:sz w:val="24"/>
          <w:sz-cs w:val="24"/>
        </w:rPr>
        <w:t xml:space="preserve">JF:</w:t>
        <w:tab/>
        <w:t xml:space="preserve"> You went under guard to the restaurant?</w:t>
      </w:r>
    </w:p>
    <w:p>
      <w:pPr/>
      <w:r>
        <w:rPr>
          <w:rFonts w:ascii="Helvetica Light" w:hAnsi="Helvetica Light" w:cs="Helvetica Light"/>
          <w:sz w:val="24"/>
          <w:sz-cs w:val="24"/>
        </w:rPr>
        <w:t xml:space="preserve">MT:</w:t>
        <w:tab/>
        <w:t xml:space="preserve">That I donít remember, whether we all went in a group. I know we were in a restaurant and I know they had something red, like red beer, something that people were drinking. I think they even gave it to us; they didnít have milk, I think they gave it to us kids. Something red to drink.</w:t>
      </w:r>
    </w:p>
    <w:p>
      <w:pPr/>
      <w:r>
        <w:rPr>
          <w:rFonts w:ascii="Helvetica Light" w:hAnsi="Helvetica Light" w:cs="Helvetica Light"/>
          <w:sz w:val="24"/>
          <w:sz-cs w:val="24"/>
        </w:rPr>
        <w:t xml:space="preserve">JF:</w:t>
        <w:tab/>
        <w:t xml:space="preserve">Did you pay for this food?</w:t>
      </w:r>
    </w:p>
    <w:p>
      <w:pPr/>
      <w:r>
        <w:rPr>
          <w:rFonts w:ascii="Helvetica Light" w:hAnsi="Helvetica Light" w:cs="Helvetica Light"/>
          <w:sz w:val="24"/>
          <w:sz-cs w:val="24"/>
        </w:rPr>
        <w:t xml:space="preserve">MT:</w:t>
        <w:tab/>
        <w:t xml:space="preserve">We had money at that time. We had a lot of money. Hungarian money. Yes. We had actually quite a bit of money, even in the camps, but we couldnít use it. Iíll tell you later on what we did with the money.</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br w:type="page"/>
        <w:t xml:space="preserve"/>
        <w:br w:type="page"/>
        <w:t xml:space="preserve">Tape three, side one:</w:t>
      </w:r>
    </w:p>
    <w:p>
      <w:pPr/>
      <w:r>
        <w:rPr>
          <w:rFonts w:ascii="Helvetica Light" w:hAnsi="Helvetica Light" w:cs="Helvetica Light"/>
          <w:sz w:val="24"/>
          <w:sz-cs w:val="24"/>
        </w:rPr>
        <w:t xml:space="preserve">JF:</w:t>
        <w:tab/>
        <w:t xml:space="preserve">You said that the Czechs made an arrangement?</w:t>
      </w:r>
    </w:p>
    <w:p>
      <w:pPr/>
      <w:r>
        <w:rPr>
          <w:rFonts w:ascii="Helvetica Light" w:hAnsi="Helvetica Light" w:cs="Helvetica Light"/>
          <w:sz w:val="24"/>
          <w:sz-cs w:val="24"/>
        </w:rPr>
        <w:t xml:space="preserve">MT:</w:t>
        <w:tab/>
        <w:t xml:space="preserve">Yes, we are in Prague right now, in a restaurant. Again, I donít know whether I seen other people or whether it was just us children that they allowed out, or whether we snuck away from the train to get something to eat, because we became like hunted animals later on. On instinct we would run and do things, which I will tell you later on what we did in Vienna.</w:t>
      </w:r>
    </w:p>
    <w:p>
      <w:pPr/>
      <w:r>
        <w:rPr>
          <w:rFonts w:ascii="Helvetica Light" w:hAnsi="Helvetica Light" w:cs="Helvetica Light"/>
          <w:sz w:val="24"/>
          <w:sz-cs w:val="24"/>
        </w:rPr>
        <w:t xml:space="preserve">JF:</w:t>
        <w:tab/>
        <w:t xml:space="preserve">This was after you were in Prague, now?</w:t>
      </w:r>
    </w:p>
    <w:p>
      <w:pPr/>
      <w:r>
        <w:rPr>
          <w:rFonts w:ascii="Helvetica Light" w:hAnsi="Helvetica Light" w:cs="Helvetica Light"/>
          <w:sz w:val="24"/>
          <w:sz-cs w:val="24"/>
        </w:rPr>
        <w:t xml:space="preserve">MT:</w:t>
        <w:tab/>
        <w:t xml:space="preserve">After we were in Prague. I know that we were some small restaurant, not too far from the railroad station; not a restaurant, something like quick-foods something where you could get something to eat.</w:t>
      </w:r>
    </w:p>
    <w:p>
      <w:pPr/>
      <w:r>
        <w:rPr>
          <w:rFonts w:ascii="Helvetica Light" w:hAnsi="Helvetica Light" w:cs="Helvetica Light"/>
          <w:sz w:val="24"/>
          <w:sz-cs w:val="24"/>
        </w:rPr>
        <w:t xml:space="preserve">JF:</w:t>
        <w:tab/>
        <w:t xml:space="preserve">This was the stop after Prague?</w:t>
      </w:r>
    </w:p>
    <w:p>
      <w:pPr/>
      <w:r>
        <w:rPr>
          <w:rFonts w:ascii="Helvetica Light" w:hAnsi="Helvetica Light" w:cs="Helvetica Light"/>
          <w:sz w:val="24"/>
          <w:sz-cs w:val="24"/>
        </w:rPr>
        <w:t xml:space="preserve">MT:</w:t>
        <w:tab/>
        <w:t xml:space="preserve">Yes, in Prague. And we had some food but we didnít bring any food with us so I guess we ate some there and drank some red liquid. I think it was probably beer or wine; it was probably wine because we drank in Hungary; it was like in France, in Hungary everybody drank wine. Not in our house, but we went to Hungarians, to Lotsieís house, and they would give us wine to drink. My parents would get tremendously upset.  We would come back, "What did you drink?" We were happy. We would say, "Well, they gave us wine." "What!" Well, in Prague, I think they give us beer, but it was red or at least dark, maybe bock. So the Czechs made some kind of deal At that time I didnít know. They offered my father, they told him to run, to escape from the train and theyíll help us.</w:t>
      </w:r>
    </w:p>
    <w:p>
      <w:pPr/>
      <w:r>
        <w:rPr>
          <w:rFonts w:ascii="Helvetica Light" w:hAnsi="Helvetica Light" w:cs="Helvetica Light"/>
          <w:sz w:val="24"/>
          <w:sz-cs w:val="24"/>
        </w:rPr>
        <w:t xml:space="preserve">JF:</w:t>
        <w:tab/>
        <w:t xml:space="preserve">Why did they single out your father?</w:t>
      </w:r>
    </w:p>
    <w:p>
      <w:pPr/>
      <w:r>
        <w:rPr>
          <w:rFonts w:ascii="Helvetica Light" w:hAnsi="Helvetica Light" w:cs="Helvetica Light"/>
          <w:sz w:val="24"/>
          <w:sz-cs w:val="24"/>
        </w:rPr>
        <w:t xml:space="preserve">MT:</w:t>
        <w:tab/>
        <w:t xml:space="preserve">He had Czech-- his mother was born in Czechoslovakia.</w:t>
      </w:r>
    </w:p>
    <w:p>
      <w:pPr/>
      <w:r>
        <w:rPr>
          <w:rFonts w:ascii="Helvetica Light" w:hAnsi="Helvetica Light" w:cs="Helvetica Light"/>
          <w:sz w:val="24"/>
          <w:sz-cs w:val="24"/>
        </w:rPr>
        <w:t xml:space="preserve">JF:</w:t>
        <w:tab/>
        <w:t xml:space="preserve">How did they know that?</w:t>
      </w:r>
    </w:p>
    <w:p>
      <w:pPr/>
      <w:r>
        <w:rPr>
          <w:rFonts w:ascii="Helvetica Light" w:hAnsi="Helvetica Light" w:cs="Helvetica Light"/>
          <w:sz w:val="24"/>
          <w:sz-cs w:val="24"/>
        </w:rPr>
        <w:t xml:space="preserve">MT:</w:t>
        <w:tab/>
        <w:t xml:space="preserve">I guess he mentioned it to them, probably. He probably mentioned something about the place where his mother was born. How far is it from here? or something. He probably asked.</w:t>
      </w:r>
    </w:p>
    <w:p>
      <w:pPr/>
      <w:r>
        <w:rPr>
          <w:rFonts w:ascii="Helvetica Light" w:hAnsi="Helvetica Light" w:cs="Helvetica Light"/>
          <w:sz w:val="24"/>
          <w:sz-cs w:val="24"/>
        </w:rPr>
        <w:t xml:space="preserve">JF:</w:t>
        <w:tab/>
        <w:t xml:space="preserve">Was it in this little restaurant where you were, or were these Czech guards?</w:t>
      </w:r>
    </w:p>
    <w:p>
      <w:pPr/>
      <w:r>
        <w:rPr>
          <w:rFonts w:ascii="Helvetica Light" w:hAnsi="Helvetica Light" w:cs="Helvetica Light"/>
          <w:sz w:val="24"/>
          <w:sz-cs w:val="24"/>
        </w:rPr>
        <w:t xml:space="preserve">MT:</w:t>
        <w:tab/>
        <w:t xml:space="preserve">Thatís something I just found our recently. I mean afterwards. I do not remember, given this opportunity to hear that we were offered something. And, of course, I didnít know what was happening anyway. To me it was a great thing that I was eating something.</w:t>
      </w:r>
    </w:p>
    <w:p>
      <w:pPr/>
      <w:r>
        <w:rPr>
          <w:rFonts w:ascii="Helvetica Light" w:hAnsi="Helvetica Light" w:cs="Helvetica Light"/>
          <w:sz w:val="24"/>
          <w:sz-cs w:val="24"/>
        </w:rPr>
        <w:t xml:space="preserve">JF:</w:t>
        <w:tab/>
        <w:t xml:space="preserve">As he told you about it, where had he met these people?</w:t>
      </w:r>
    </w:p>
    <w:p>
      <w:pPr/>
      <w:r>
        <w:rPr>
          <w:rFonts w:ascii="Helvetica Light" w:hAnsi="Helvetica Light" w:cs="Helvetica Light"/>
          <w:sz w:val="24"/>
          <w:sz-cs w:val="24"/>
        </w:rPr>
        <w:t xml:space="preserve">MT:</w:t>
        <w:tab/>
        <w:t xml:space="preserve">That was in a railroad station. I donít know exactly where, but Czechs whispered to him that you may run and we will help you, but then my mother said, "You must be kidding.  Look at my children." And then, of course, we had my fatherís mother with us and a crippled sister. She said, "You must be kidding. They will shoot us on the first -- They will get us before we have a chance to run."  So, we stayed. I guess they thanked them for the offer. Somebody must have approached them and said, "You know what? We can help you." But there was no chance because, yes, you can run alone, but you canít run with a family. Nobody can run with four kids, six, eight people just. Then they locked us up again and we were on our way to Germany. There wasnít much we could see through there-- cracks on the train. But we were observing. The territory was changing. Once it was mountains, one was trees and then city, and then again just open fields. Finally we were in Austria. We were driving by a big concentration camp, big towers on the corners, and tremendous fencing around like I never saw in my life. Thatís the kind of setup-- and they were saying, "That that is where Horthy, Miklos is-- was taken to." Now Horthy, Miklos was President [Regent] of Hungary at the time I was there. Thatís a name I remember because they had a lot of songs written about him, Horthy, Miklos. He was arrested and taken there by Germans and thrown into the camp.</w:t>
      </w:r>
    </w:p>
    <w:p>
      <w:pPr/>
      <w:r>
        <w:rPr>
          <w:rFonts w:ascii="Helvetica Light" w:hAnsi="Helvetica Light" w:cs="Helvetica Light"/>
          <w:sz w:val="24"/>
          <w:sz-cs w:val="24"/>
        </w:rPr>
        <w:t xml:space="preserve">JF:</w:t>
        <w:tab/>
        <w:t xml:space="preserve">What camp was this?</w:t>
      </w:r>
    </w:p>
    <w:p>
      <w:pPr/>
      <w:r>
        <w:rPr>
          <w:rFonts w:ascii="Helvetica Light" w:hAnsi="Helvetica Light" w:cs="Helvetica Light"/>
          <w:sz w:val="24"/>
          <w:sz-cs w:val="24"/>
        </w:rPr>
        <w:t xml:space="preserve">MT:</w:t>
        <w:tab/>
        <w:t xml:space="preserve">It was in Austria. I donít know. I really donít know, and I still donít know because I never did inquire. I remember seeing-- I still see the picture and they said, "Thatís where he is," and we wonder what kind of camp we will be in. Shortly after that we landed in Vienna, Vienna shortly, I donít know how shortly, but my next memory is Vienna, Austria. A big ferris wheel. In Poland, they call it ìVienna wheelî, a big one, not too far from the railroad station that I can see. A real huge one. Looking at it the way I see it now itís probably like 200 feet in diameter, probably. A real huge ferris wheel; the railroad station not too far from it. Awful lot of destruction in the area from bombs. A lot of small fragments of bombs and a lot of small, like metal, more bigger than beebees that they put into bombs-- shrapnel type things, laying all around and we were asking, ìWhat is that?î ìThatís from the bombs. That kills better-- All of that metal flying around.î Then we were let out of the trains because we have reached our destination. They were going to do something with us in Vienna, now. We had to wait and wait. No food.</w:t>
      </w:r>
    </w:p>
    <w:p>
      <w:pPr/>
      <w:r>
        <w:rPr>
          <w:rFonts w:ascii="Helvetica Light" w:hAnsi="Helvetica Light" w:cs="Helvetica Light"/>
          <w:sz w:val="24"/>
          <w:sz-cs w:val="24"/>
        </w:rPr>
        <w:t xml:space="preserve">JF:</w:t>
        <w:tab/>
        <w:t xml:space="preserve">You had been on the train three days?</w:t>
      </w:r>
    </w:p>
    <w:p>
      <w:pPr/>
      <w:r>
        <w:rPr>
          <w:rFonts w:ascii="Helvetica Light" w:hAnsi="Helvetica Light" w:cs="Helvetica Light"/>
          <w:sz w:val="24"/>
          <w:sz-cs w:val="24"/>
        </w:rPr>
        <w:t xml:space="preserve">MT:</w:t>
        <w:tab/>
        <w:t xml:space="preserve">Three days. Three days, I think, at least. Maybe it was four by the time we got to Vienna. I think it took about three days to get to Prague and then another day probably from Prague to Vienna, American planes, or, was it some other instance when we were traveling? Perhaps it was later. It was not that early because I donít think American planes were in that area. But one time we were chased by American planes, and they parked the train in a tunnel for quite a while and then they started again, but I think it was later on when they took us from one camp to another. In Vienna, here we are in Vienna. We are all out of the train now, waiting under guns. Now we, as boys, I and my older brother, we were the messengers in Hungary for my father. Whatever messages he wanted to send, political messages, signals from him to his subordinates, he would use us and we would deliver the messages, not knowing what is in them but deliver the envelope, deliver the piece of paper.</w:t>
      </w:r>
    </w:p>
    <w:p>
      <w:pPr/>
      <w:r>
        <w:rPr>
          <w:rFonts w:ascii="Helvetica Light" w:hAnsi="Helvetica Light" w:cs="Helvetica Light"/>
          <w:sz w:val="24"/>
          <w:sz-cs w:val="24"/>
        </w:rPr>
        <w:t xml:space="preserve">JF:</w:t>
        <w:tab/>
        <w:t xml:space="preserve">You were aware of what kind of work he was doing?</w:t>
      </w:r>
    </w:p>
    <w:p>
      <w:pPr/>
      <w:r>
        <w:rPr>
          <w:rFonts w:ascii="Helvetica Light" w:hAnsi="Helvetica Light" w:cs="Helvetica Light"/>
          <w:sz w:val="24"/>
          <w:sz-cs w:val="24"/>
        </w:rPr>
        <w:t xml:space="preserve">MT:</w:t>
        <w:tab/>
        <w:t xml:space="preserve">Yes, and we were very strongly taught that we are Poles and our-- we owe our country our lives, so whatever we did to destroy the enemy, you must remember that you are a Pole. So, in Vienna we saw the express trains for the first time in our lives. They were electrical trains, full of German brass, soldiers. In the windows, we could see them. Somehow we got away, me and my brother, far enough that we found a piece of railroad track, a good sized metal, maybe about 4 feet, 31/2 feet in length, and we went and we put it across the railroad track on one side, propped it up with rocks, and ran back to our group, to our parents, and we said, "Do you know what we did? Just watch this. The next train that comes through here is going to go off. We put a piece of steel across the tracks." And my mother said, "Do you know what you did? We are all dead, as soon as the train goes off, we are all dead, these soldiers with these guns will shoot us immediately." We had to sneak back, crawl back, almost, pull and jerk this thing out, we had a hard time pulling it out. I donít know how we pulled it out, it was a heavy thing, and within seconds, half a minute or so, the train comes through. (makes sound). Electrical. And that was the end. Now we are very happy that we did something wonderful, but it was actually something very stupid.</w:t>
      </w:r>
    </w:p>
    <w:p>
      <w:pPr/>
      <w:r>
        <w:rPr>
          <w:rFonts w:ascii="Helvetica Light" w:hAnsi="Helvetica Light" w:cs="Helvetica Light"/>
          <w:sz w:val="24"/>
          <w:sz-cs w:val="24"/>
        </w:rPr>
        <w:t xml:space="preserve">JF:</w:t>
        <w:tab/>
        <w:t xml:space="preserve">You felt good when you did it?</w:t>
      </w:r>
    </w:p>
    <w:p>
      <w:pPr/>
      <w:r>
        <w:rPr>
          <w:rFonts w:ascii="Helvetica Light" w:hAnsi="Helvetica Light" w:cs="Helvetica Light"/>
          <w:sz w:val="24"/>
          <w:sz-cs w:val="24"/>
        </w:rPr>
        <w:t xml:space="preserve">MT:</w:t>
        <w:tab/>
        <w:t xml:space="preserve">We felt good, but it was a stupid act. Maybe a hundred or soldiers or whatever would have got messed up but, then, all of us would have been dead, because they never did hesitate to do that, I guess.  From there they took us to the nearest camp, Strasshof. Strasshof from Vienna is probably 3 Ω kilometers, something like that, not too far. It is a small community, probably, but it was a camp, with snow all over. They had...</w:t>
      </w:r>
    </w:p>
    <w:p>
      <w:pPr/>
      <w:r>
        <w:rPr>
          <w:rFonts w:ascii="Helvetica Light" w:hAnsi="Helvetica Light" w:cs="Helvetica Light"/>
          <w:sz w:val="24"/>
          <w:sz-cs w:val="24"/>
        </w:rPr>
        <w:t xml:space="preserve">JF:</w:t>
        <w:tab/>
        <w:t xml:space="preserve">This was in Austria?</w:t>
      </w:r>
    </w:p>
    <w:p>
      <w:pPr/>
      <w:r>
        <w:rPr>
          <w:rFonts w:ascii="Helvetica Light" w:hAnsi="Helvetica Light" w:cs="Helvetica Light"/>
          <w:sz w:val="24"/>
          <w:sz-cs w:val="24"/>
        </w:rPr>
        <w:t xml:space="preserve">MT:</w:t>
        <w:tab/>
        <w:t xml:space="preserve">Austria. The first camp we went to, Strasshof. As soon as we went in, who meets us at the gate, in beautiful German uniforms, shiny, scary, but the language is Ukrainian. "Welcome to the camp," in their language. I didnít realize what that meant, but my parents must have. Not everybody was from the same territory that we were in that group. Some people came from Warsaw, some came from completely different parts of Poland, and they just ended up in Hungary. Now, we were from the territory that they were after us. We ran away from them. They recognized one man, two men. One was a police chief in one city, another was his assistant to the police chief.</w:t>
      </w:r>
    </w:p>
    <w:p>
      <w:pPr/>
      <w:r>
        <w:rPr>
          <w:rFonts w:ascii="Helvetica Light" w:hAnsi="Helvetica Light" w:cs="Helvetica Light"/>
          <w:sz w:val="24"/>
          <w:sz-cs w:val="24"/>
        </w:rPr>
        <w:t xml:space="preserve">JF:</w:t>
        <w:tab/>
        <w:t xml:space="preserve">Who recognized them?</w:t>
      </w:r>
    </w:p>
    <w:p>
      <w:pPr/>
      <w:r>
        <w:rPr>
          <w:rFonts w:ascii="Helvetica Light" w:hAnsi="Helvetica Light" w:cs="Helvetica Light"/>
          <w:sz w:val="24"/>
          <w:sz-cs w:val="24"/>
        </w:rPr>
        <w:t xml:space="preserve">MT:</w:t>
        <w:tab/>
        <w:t xml:space="preserve">The Ukrainians.</w:t>
      </w:r>
    </w:p>
    <w:p>
      <w:pPr/>
      <w:r>
        <w:rPr>
          <w:rFonts w:ascii="Helvetica Light" w:hAnsi="Helvetica Light" w:cs="Helvetica Light"/>
          <w:sz w:val="24"/>
          <w:sz-cs w:val="24"/>
        </w:rPr>
        <w:t xml:space="preserve">JF:</w:t>
        <w:tab/>
        <w:t xml:space="preserve">The Ukrainian guards recognized them.</w:t>
      </w:r>
    </w:p>
    <w:p>
      <w:pPr/>
      <w:r>
        <w:rPr>
          <w:rFonts w:ascii="Helvetica Light" w:hAnsi="Helvetica Light" w:cs="Helvetica Light"/>
          <w:sz w:val="24"/>
          <w:sz-cs w:val="24"/>
        </w:rPr>
        <w:t xml:space="preserve">MT:</w:t>
        <w:tab/>
        <w:t xml:space="preserve">They werenít even guards. They were hired. They had almost SS uniforms, almost Gestapo-type uniforms; they were the Gestapo-type something. They had those dark uniforms, not the regular grey. They had the beautiful officerís thing. I remember in a barrack, they walked up to him and took out the big gloves. They had the big gloves behind their belts, just like knights, and hit him across the face and said, ìMeine liebe Plata,î my dear Plata. His name was Plata, and he looked at the guy and he got white all over. I didnít know what that meant, and that was the only incident, and they called him out. They went out, a couple goonies came in, Ukrainians in regular uniforms, gray uniforms, took him...</w:t>
      </w:r>
    </w:p>
    <w:p>
      <w:pPr/>
      <w:r>
        <w:rPr>
          <w:rFonts w:ascii="Helvetica Light" w:hAnsi="Helvetica Light" w:cs="Helvetica Light"/>
          <w:sz w:val="24"/>
          <w:sz-cs w:val="24"/>
        </w:rPr>
        <w:t xml:space="preserve">JF:</w:t>
        <w:tab/>
        <w:t xml:space="preserve">Took Plata?</w:t>
      </w:r>
    </w:p>
    <w:p>
      <w:pPr/>
      <w:r>
        <w:rPr>
          <w:rFonts w:ascii="Helvetica Light" w:hAnsi="Helvetica Light" w:cs="Helvetica Light"/>
          <w:sz w:val="24"/>
          <w:sz-cs w:val="24"/>
        </w:rPr>
        <w:t xml:space="preserve">MT:</w:t>
        <w:tab/>
        <w:t xml:space="preserve">Took Plata, and I forgot the other guyís name, older guy. The other guy was like 60 or 70 years old...</w:t>
      </w:r>
    </w:p>
    <w:p>
      <w:pPr/>
      <w:r>
        <w:rPr>
          <w:rFonts w:ascii="Helvetica Light" w:hAnsi="Helvetica Light" w:cs="Helvetica Light"/>
          <w:sz w:val="24"/>
          <w:sz-cs w:val="24"/>
        </w:rPr>
        <w:t xml:space="preserve">JF:</w:t>
        <w:tab/>
        <w:t xml:space="preserve">This was the police chief?</w:t>
      </w:r>
    </w:p>
    <w:p>
      <w:pPr/>
      <w:r>
        <w:rPr>
          <w:rFonts w:ascii="Helvetica Light" w:hAnsi="Helvetica Light" w:cs="Helvetica Light"/>
          <w:sz w:val="24"/>
          <w:sz-cs w:val="24"/>
        </w:rPr>
        <w:t xml:space="preserve">MT:</w:t>
        <w:tab/>
        <w:t xml:space="preserve">Police chief. Plata was-- I went to school with his children, his sons. He was a little bit younger than my father was, I think, the assistant police chief. It turned out later on, that they took them out, both of them, and maybe 6 hours later, at night, it was late at night, when the old man came back.</w:t>
      </w:r>
    </w:p>
    <w:p>
      <w:pPr/>
      <w:r>
        <w:rPr>
          <w:rFonts w:ascii="Helvetica Light" w:hAnsi="Helvetica Light" w:cs="Helvetica Light"/>
          <w:sz w:val="24"/>
          <w:sz-cs w:val="24"/>
        </w:rPr>
        <w:t xml:space="preserve">JF:</w:t>
        <w:tab/>
        <w:t xml:space="preserve">The old man was the assistant or the chief?</w:t>
      </w:r>
    </w:p>
    <w:p>
      <w:pPr/>
      <w:r>
        <w:rPr>
          <w:rFonts w:ascii="Helvetica Light" w:hAnsi="Helvetica Light" w:cs="Helvetica Light"/>
          <w:sz w:val="24"/>
          <w:sz-cs w:val="24"/>
        </w:rPr>
        <w:t xml:space="preserve">MT:</w:t>
        <w:tab/>
        <w:t xml:space="preserve">The chief.</w:t>
      </w:r>
    </w:p>
    <w:p>
      <w:pPr/>
      <w:r>
        <w:rPr>
          <w:rFonts w:ascii="Helvetica Light" w:hAnsi="Helvetica Light" w:cs="Helvetica Light"/>
          <w:sz w:val="24"/>
          <w:sz-cs w:val="24"/>
        </w:rPr>
        <w:t xml:space="preserve">JF:</w:t>
        <w:tab/>
        <w:t xml:space="preserve">The chief and Plata was the assistant.</w:t>
      </w:r>
    </w:p>
    <w:p>
      <w:pPr/>
      <w:r>
        <w:rPr>
          <w:rFonts w:ascii="Helvetica Light" w:hAnsi="Helvetica Light" w:cs="Helvetica Light"/>
          <w:sz w:val="24"/>
          <w:sz-cs w:val="24"/>
        </w:rPr>
        <w:t xml:space="preserve">MT:</w:t>
        <w:tab/>
        <w:t xml:space="preserve">The old man came back to the barrack, like that.</w:t>
      </w:r>
    </w:p>
    <w:p>
      <w:pPr/>
      <w:r>
        <w:rPr>
          <w:rFonts w:ascii="Helvetica Light" w:hAnsi="Helvetica Light" w:cs="Helvetica Light"/>
          <w:sz w:val="24"/>
          <w:sz-cs w:val="24"/>
        </w:rPr>
        <w:t xml:space="preserve">JF:</w:t>
        <w:tab/>
        <w:t xml:space="preserve">Holding his head?</w:t>
      </w:r>
    </w:p>
    <w:p>
      <w:pPr/>
      <w:r>
        <w:rPr>
          <w:rFonts w:ascii="Helvetica Light" w:hAnsi="Helvetica Light" w:cs="Helvetica Light"/>
          <w:sz w:val="24"/>
          <w:sz-cs w:val="24"/>
        </w:rPr>
        <w:t xml:space="preserve">MT:</w:t>
        <w:tab/>
        <w:t xml:space="preserve">Holding his head with no teeth-- I donít know, like a regular train ran through his head and everything. And they were talking to him. I guess he couldnít hear, just very-- probably beat up. The other guy never came back.</w:t>
      </w:r>
    </w:p>
    <w:p>
      <w:pPr/>
      <w:r>
        <w:rPr>
          <w:rFonts w:ascii="Helvetica Light" w:hAnsi="Helvetica Light" w:cs="Helvetica Light"/>
          <w:sz w:val="24"/>
          <w:sz-cs w:val="24"/>
        </w:rPr>
        <w:t xml:space="preserve">JF:</w:t>
        <w:tab/>
        <w:t xml:space="preserve">Plata never came back?</w:t>
        <w:tab/>
        <w:t xml:space="preserve">MT:</w:t>
        <w:tab/>
        <w:t xml:space="preserve">No. Plata, I found out, because we were all so curious what happened, we talked to the sons, what happened. He arrested a guy for stealing a pig.</w:t>
      </w:r>
    </w:p>
    <w:p>
      <w:pPr/>
      <w:r>
        <w:rPr>
          <w:rFonts w:ascii="Helvetica Light" w:hAnsi="Helvetica Light" w:cs="Helvetica Light"/>
          <w:sz w:val="24"/>
          <w:sz-cs w:val="24"/>
        </w:rPr>
        <w:t xml:space="preserve">JF:</w:t>
        <w:tab/>
        <w:t xml:space="preserve">The Ukrainian guard?</w:t>
      </w:r>
    </w:p>
    <w:p>
      <w:pPr/>
      <w:r>
        <w:rPr>
          <w:rFonts w:ascii="Helvetica Light" w:hAnsi="Helvetica Light" w:cs="Helvetica Light"/>
          <w:sz w:val="24"/>
          <w:sz-cs w:val="24"/>
        </w:rPr>
        <w:t xml:space="preserve">MT:</w:t>
        <w:tab/>
        <w:t xml:space="preserve">The Ukrainian was in jail. Plata arrested him and put him in jail. Now I did not mention it. When Germans came to Poland, the first thing they did is they released the prisons. All the prisoners got a rank of some sort and they said, "You know whom to get, go and get them." So there was the one thing, to control the territory like that when you just take over, you release the prisoners and those people know who the people were in charge, who the people they hated. "Go and get them." So he was one of them. He had already a beautiful position in German hierarchy, in German organization. Well, things were very sad. Awful lot of Ukis. They were very happy. They were cheerful at night, they were singing in their quarters. They had a beautiful sculpture, a still remember a beautiful sculpture of a naked woman in front of their quarters. One of them must have been an artist. Made from snow.</w:t>
      </w:r>
    </w:p>
    <w:p>
      <w:pPr/>
      <w:r>
        <w:rPr>
          <w:rFonts w:ascii="Helvetica Light" w:hAnsi="Helvetica Light" w:cs="Helvetica Light"/>
          <w:sz w:val="24"/>
          <w:sz-cs w:val="24"/>
        </w:rPr>
        <w:t xml:space="preserve">JF:</w:t>
        <w:tab/>
        <w:t xml:space="preserve">Made from snow?</w:t>
      </w:r>
    </w:p>
    <w:p>
      <w:pPr/>
      <w:r>
        <w:rPr>
          <w:rFonts w:ascii="Helvetica Light" w:hAnsi="Helvetica Light" w:cs="Helvetica Light"/>
          <w:sz w:val="24"/>
          <w:sz-cs w:val="24"/>
        </w:rPr>
        <w:t xml:space="preserve">MT:</w:t>
        <w:tab/>
        <w:t xml:space="preserve">Snow. Because there was so much snow. It was a huge sculpture. Huge. So they had a ball, they had fun.</w:t>
      </w:r>
    </w:p>
    <w:p>
      <w:pPr/>
      <w:r>
        <w:rPr>
          <w:rFonts w:ascii="Helvetica Light" w:hAnsi="Helvetica Light" w:cs="Helvetica Light"/>
          <w:sz w:val="24"/>
          <w:sz-cs w:val="24"/>
        </w:rPr>
        <w:t xml:space="preserve">JF:</w:t>
        <w:tab/>
        <w:t xml:space="preserve">You were totally in a barrack?</w:t>
      </w:r>
    </w:p>
    <w:p>
      <w:pPr/>
      <w:r>
        <w:rPr>
          <w:rFonts w:ascii="Helvetica Light" w:hAnsi="Helvetica Light" w:cs="Helvetica Light"/>
          <w:sz w:val="24"/>
          <w:sz-cs w:val="24"/>
        </w:rPr>
        <w:t xml:space="preserve">MT:</w:t>
        <w:tab/>
        <w:t xml:space="preserve">Totally in a barrack. Yes.</w:t>
      </w:r>
    </w:p>
    <w:p>
      <w:pPr/>
      <w:r>
        <w:rPr>
          <w:rFonts w:ascii="Helvetica Light" w:hAnsi="Helvetica Light" w:cs="Helvetica Light"/>
          <w:sz w:val="24"/>
          <w:sz-cs w:val="24"/>
        </w:rPr>
        <w:t xml:space="preserve">JF:</w:t>
        <w:tab/>
        <w:t xml:space="preserve">Just kept in a barrack, with your family?</w:t>
      </w:r>
    </w:p>
    <w:p>
      <w:pPr/>
      <w:r>
        <w:rPr>
          <w:rFonts w:ascii="Helvetica Light" w:hAnsi="Helvetica Light" w:cs="Helvetica Light"/>
          <w:sz w:val="24"/>
          <w:sz-cs w:val="24"/>
        </w:rPr>
        <w:t xml:space="preserve">MT:</w:t>
        <w:tab/>
        <w:t xml:space="preserve">Yes.</w:t>
      </w:r>
    </w:p>
    <w:p>
      <w:pPr/>
      <w:r>
        <w:rPr>
          <w:rFonts w:ascii="Helvetica Light" w:hAnsi="Helvetica Light" w:cs="Helvetica Light"/>
          <w:sz w:val="24"/>
          <w:sz-cs w:val="24"/>
        </w:rPr>
        <w:t xml:space="preserve">JF:</w:t>
        <w:tab/>
        <w:t xml:space="preserve">Not separated in any way?</w:t>
      </w:r>
    </w:p>
    <w:p>
      <w:pPr/>
      <w:r>
        <w:rPr>
          <w:rFonts w:ascii="Helvetica Light" w:hAnsi="Helvetica Light" w:cs="Helvetica Light"/>
          <w:sz w:val="24"/>
          <w:sz-cs w:val="24"/>
        </w:rPr>
        <w:t xml:space="preserve">MT:</w:t>
        <w:tab/>
        <w:t xml:space="preserve">No, with everybody. In barrack I guess you can put in 100 people, I donít know.</w:t>
      </w:r>
    </w:p>
    <w:p>
      <w:pPr/>
      <w:r>
        <w:rPr>
          <w:rFonts w:ascii="Helvetica Light" w:hAnsi="Helvetica Light" w:cs="Helvetica Light"/>
          <w:sz w:val="24"/>
          <w:sz-cs w:val="24"/>
        </w:rPr>
        <w:t xml:space="preserve">JF:</w:t>
        <w:tab/>
        <w:t xml:space="preserve">With any kind of bedding or...?</w:t>
      </w:r>
    </w:p>
    <w:p>
      <w:pPr/>
      <w:r>
        <w:rPr>
          <w:rFonts w:ascii="Helvetica Light" w:hAnsi="Helvetica Light" w:cs="Helvetica Light"/>
          <w:sz w:val="24"/>
          <w:sz-cs w:val="24"/>
        </w:rPr>
        <w:t xml:space="preserve">MT:</w:t>
        <w:tab/>
        <w:t xml:space="preserve">That I donít remember whether we had any bedding. I know there was a wooden Pritsche that was a German word, Pritsche they call it, a wooden type, like a table. Thatís your bed. I donít remember whether they had straw, sacks on top that you could lay on the straw or not, I donít know. I donít remember. I remember straw from one place, someplace, I donít know which camp, maybe it was Strasshof. On straw maybe. From there on when we went to the next camps it was just wooden planks and nothing else, and a wooden pillow that tapered off at the end of the bed. That was for your head.</w:t>
      </w:r>
    </w:p>
    <w:p>
      <w:pPr/>
      <w:r>
        <w:rPr>
          <w:rFonts w:ascii="Helvetica Light" w:hAnsi="Helvetica Light" w:cs="Helvetica Light"/>
          <w:sz w:val="24"/>
          <w:sz-cs w:val="24"/>
        </w:rPr>
        <w:t xml:space="preserve">JF:</w:t>
        <w:tab/>
        <w:t xml:space="preserve">What kind of food were you given?</w:t>
      </w:r>
    </w:p>
    <w:p>
      <w:pPr/>
      <w:r>
        <w:rPr>
          <w:rFonts w:ascii="Helvetica Light" w:hAnsi="Helvetica Light" w:cs="Helvetica Light"/>
          <w:sz w:val="24"/>
          <w:sz-cs w:val="24"/>
        </w:rPr>
        <w:t xml:space="preserve">MT:</w:t>
        <w:tab/>
        <w:t xml:space="preserve">The food in Strasshof I donít even remember, because I guess it was too much of a shock. First camp, the first complete captivity, one hundred percent control of our time and everything, but they took us from Strasshof later on to Neumark. Neumark is Bavaria, I think. No, we went from Strasshof to Berlin. We went through Berlin. Yeh, we went through Berlin, I remember that experience.</w:t>
      </w:r>
    </w:p>
    <w:p>
      <w:pPr/>
      <w:r>
        <w:rPr>
          <w:rFonts w:ascii="Helvetica Light" w:hAnsi="Helvetica Light" w:cs="Helvetica Light"/>
          <w:sz w:val="24"/>
          <w:sz-cs w:val="24"/>
        </w:rPr>
        <w:t xml:space="preserve">JF:</w:t>
        <w:tab/>
        <w:t xml:space="preserve">What is this that you have written?</w:t>
      </w:r>
    </w:p>
    <w:p>
      <w:pPr/>
      <w:r>
        <w:rPr>
          <w:rFonts w:ascii="Helvetica Light" w:hAnsi="Helvetica Light" w:cs="Helvetica Light"/>
          <w:sz w:val="24"/>
          <w:sz-cs w:val="24"/>
        </w:rPr>
        <w:t xml:space="preserve">MT:</w:t>
        <w:tab/>
        <w:t xml:space="preserve">Austria, close to Vienna, is Strasshof.</w:t>
      </w:r>
    </w:p>
    <w:p>
      <w:pPr/>
      <w:r>
        <w:rPr>
          <w:rFonts w:ascii="Helvetica Light" w:hAnsi="Helvetica Light" w:cs="Helvetica Light"/>
          <w:sz w:val="24"/>
          <w:sz-cs w:val="24"/>
        </w:rPr>
        <w:t xml:space="preserve">JF:</w:t>
        <w:tab/>
        <w:t xml:space="preserve">Oh, okay.</w:t>
      </w:r>
    </w:p>
    <w:p>
      <w:pPr/>
      <w:r>
        <w:rPr>
          <w:rFonts w:ascii="Helvetica Light" w:hAnsi="Helvetica Light" w:cs="Helvetica Light"/>
          <w:sz w:val="24"/>
          <w:sz-cs w:val="24"/>
        </w:rPr>
        <w:t xml:space="preserve">MT:</w:t>
        <w:tab/>
        <w:t xml:space="preserve">From then...</w:t>
      </w:r>
    </w:p>
    <w:p>
      <w:pPr/>
      <w:r>
        <w:rPr>
          <w:rFonts w:ascii="Helvetica Light" w:hAnsi="Helvetica Light" w:cs="Helvetica Light"/>
          <w:sz w:val="24"/>
          <w:sz-cs w:val="24"/>
        </w:rPr>
        <w:t xml:space="preserve">JF:</w:t>
        <w:tab/>
        <w:t xml:space="preserve">How long were you in Strasshof?</w:t>
      </w:r>
    </w:p>
    <w:p>
      <w:pPr/>
      <w:r>
        <w:rPr>
          <w:rFonts w:ascii="Helvetica Light" w:hAnsi="Helvetica Light" w:cs="Helvetica Light"/>
          <w:sz w:val="24"/>
          <w:sz-cs w:val="24"/>
        </w:rPr>
        <w:t xml:space="preserve">MT:</w:t>
        <w:tab/>
        <w:t xml:space="preserve">Not too long. This was like a processing camp where they did what they had to do. They segregated, they divided, they squeezed out all the juices. The next one-- we went outside Berlin-- but I remember-- okay, we went into Berlin. We were in Berlin maybe three days.</w:t>
      </w:r>
    </w:p>
    <w:p>
      <w:pPr/>
      <w:r>
        <w:rPr>
          <w:rFonts w:ascii="Helvetica Light" w:hAnsi="Helvetica Light" w:cs="Helvetica Light"/>
          <w:sz w:val="24"/>
          <w:sz-cs w:val="24"/>
        </w:rPr>
        <w:t xml:space="preserve">JF:</w:t>
        <w:tab/>
        <w:t xml:space="preserve">You were taken off the train?</w:t>
      </w:r>
    </w:p>
    <w:p>
      <w:pPr/>
      <w:r>
        <w:rPr>
          <w:rFonts w:ascii="Helvetica Light" w:hAnsi="Helvetica Light" w:cs="Helvetica Light"/>
          <w:sz w:val="24"/>
          <w:sz-cs w:val="24"/>
        </w:rPr>
        <w:t xml:space="preserve">MT:</w:t>
        <w:tab/>
        <w:t xml:space="preserve">No, from Strasshof, they put us on a train and they were taking us towards Berlin, to a camp.</w:t>
      </w:r>
    </w:p>
    <w:p>
      <w:pPr/>
      <w:r>
        <w:rPr>
          <w:rFonts w:ascii="Helvetica Light" w:hAnsi="Helvetica Light" w:cs="Helvetica Light"/>
          <w:sz w:val="24"/>
          <w:sz-cs w:val="24"/>
        </w:rPr>
        <w:t xml:space="preserve">JF:</w:t>
        <w:tab/>
        <w:t xml:space="preserve">A camp in Berlin?</w:t>
      </w:r>
    </w:p>
    <w:p>
      <w:pPr/>
      <w:r>
        <w:rPr>
          <w:rFonts w:ascii="Helvetica Light" w:hAnsi="Helvetica Light" w:cs="Helvetica Light"/>
          <w:sz w:val="24"/>
          <w:sz-cs w:val="24"/>
        </w:rPr>
        <w:t xml:space="preserve">MT:</w:t>
        <w:tab/>
        <w:t xml:space="preserve">In Berlin. Now, we spoke Hungarian well, and there were Hungarians also in Berlin area that were traveling to Berlin. We got mixed up with Hungarians and we spoke very well. We mingled with the Hungarians and in the evening - they always had air raids in Berlin. It was the first time I saw a big city, huge city. Beautiful buildings. And I remember air raid shelters had maybe about two feet of rubber cover on the top of the bunker, and it was explained later on that when the bomb hits that it will kick the bomb off, or the bomb will not go off directly on the shelter. We were taken as Hungarians, so we were taken into an air raid shelter during air raid. After the air raid, they took us into the Red Cross facility, like a hotel, in Berlin to feed us, but before we finished eating, something happened. They discovered that we are Poles.</w:t>
      </w:r>
    </w:p>
    <w:p>
      <w:pPr/>
      <w:r>
        <w:rPr>
          <w:rFonts w:ascii="Helvetica Light" w:hAnsi="Helvetica Light" w:cs="Helvetica Light"/>
          <w:sz w:val="24"/>
          <w:sz-cs w:val="24"/>
        </w:rPr>
        <w:t xml:space="preserve">JF:</w:t>
        <w:tab/>
        <w:t xml:space="preserve">Were you under German guard at that point?</w:t>
      </w:r>
    </w:p>
    <w:p>
      <w:pPr/>
      <w:r>
        <w:rPr>
          <w:rFonts w:ascii="Helvetica Light" w:hAnsi="Helvetica Light" w:cs="Helvetica Light"/>
          <w:sz w:val="24"/>
          <w:sz-cs w:val="24"/>
        </w:rPr>
        <w:t xml:space="preserve">MT:</w:t>
        <w:tab/>
        <w:t xml:space="preserve">Air raid got-- something got messed up during the air raid. We were chased-- we joined the wrong group when we were running.</w:t>
      </w:r>
    </w:p>
    <w:p>
      <w:pPr/>
      <w:r>
        <w:rPr>
          <w:rFonts w:ascii="Helvetica Light" w:hAnsi="Helvetica Light" w:cs="Helvetica Light"/>
          <w:sz w:val="24"/>
          <w:sz-cs w:val="24"/>
        </w:rPr>
        <w:t xml:space="preserve">JF:</w:t>
        <w:tab/>
        <w:t xml:space="preserve">I see.</w:t>
      </w:r>
    </w:p>
    <w:p>
      <w:pPr/>
      <w:r>
        <w:rPr>
          <w:rFonts w:ascii="Helvetica Light" w:hAnsi="Helvetica Light" w:cs="Helvetica Light"/>
          <w:sz w:val="24"/>
          <w:sz-cs w:val="24"/>
        </w:rPr>
        <w:t xml:space="preserve">MT:</w:t>
        <w:tab/>
        <w:t xml:space="preserve">We joined the wrong group, and we went without guns, and these people were taken with guns. So, we ran with the Hungarians because we knew what they were saying. ìThey are bombing, letís go, letís go, letís go.î  So we yelled same way the kids, ìLetís go.î  But they start feeding us, somebody discovered that we were talking in Polish or something-- oh, my God. It was just like the world came to an end. Everything was grabbed from in front of us and we were pushed, pulled, turned, and finally we were back under guns again. They wouldnít even allow us to finish whatever we had on our plate. So, there we were back, and my parents were saying, "Well, we knew it would happen, but we wanted you to eat." I donít know, I think it was my younger brother, the youngest, that made a sound that sold us out. Polish sound. From there they took us to Wilhelmshaven, about 13 kilometers from Berlin, east from Berlin.</w:t>
      </w:r>
    </w:p>
    <w:p>
      <w:pPr/>
      <w:r>
        <w:rPr>
          <w:rFonts w:ascii="Helvetica Light" w:hAnsi="Helvetica Light" w:cs="Helvetica Light"/>
          <w:sz w:val="24"/>
          <w:sz-cs w:val="24"/>
        </w:rPr>
        <w:t xml:space="preserve">JF:</w:t>
        <w:tab/>
        <w:t xml:space="preserve">And what was that?</w:t>
      </w:r>
    </w:p>
    <w:p>
      <w:pPr/>
      <w:r>
        <w:rPr>
          <w:rFonts w:ascii="Helvetica Light" w:hAnsi="Helvetica Light" w:cs="Helvetica Light"/>
          <w:sz w:val="24"/>
          <w:sz-cs w:val="24"/>
        </w:rPr>
        <w:t xml:space="preserve">MT:</w:t>
        <w:tab/>
        <w:t xml:space="preserve">That was a camp, again controlled by Ukrainians. Every camp I was in, Ukrainians fully controlled each camp.</w:t>
      </w:r>
    </w:p>
    <w:p>
      <w:pPr/>
      <w:r>
        <w:rPr>
          <w:rFonts w:ascii="Helvetica Light" w:hAnsi="Helvetica Light" w:cs="Helvetica Light"/>
          <w:sz w:val="24"/>
          <w:sz-cs w:val="24"/>
        </w:rPr>
        <w:t xml:space="preserve">JF:</w:t>
        <w:tab/>
        <w:t xml:space="preserve">Now, in Berlin, were you actually in a camp?</w:t>
      </w:r>
    </w:p>
    <w:p>
      <w:pPr/>
      <w:r>
        <w:rPr>
          <w:rFonts w:ascii="Helvetica Light" w:hAnsi="Helvetica Light" w:cs="Helvetica Light"/>
          <w:sz w:val="24"/>
          <w:sz-cs w:val="24"/>
        </w:rPr>
        <w:t xml:space="preserve">MT:</w:t>
        <w:tab/>
        <w:t xml:space="preserve">No, in Berlin, we went just through Berlin.</w:t>
      </w:r>
    </w:p>
    <w:p>
      <w:pPr/>
      <w:r>
        <w:rPr>
          <w:rFonts w:ascii="Helvetica Light" w:hAnsi="Helvetica Light" w:cs="Helvetica Light"/>
          <w:sz w:val="24"/>
          <w:sz-cs w:val="24"/>
        </w:rPr>
        <w:t xml:space="preserve">JF:</w:t>
        <w:tab/>
        <w:t xml:space="preserve">You just went through Berlin?</w:t>
      </w:r>
    </w:p>
    <w:p>
      <w:pPr/>
      <w:r>
        <w:rPr>
          <w:rFonts w:ascii="Helvetica Light" w:hAnsi="Helvetica Light" w:cs="Helvetica Light"/>
          <w:sz w:val="24"/>
          <w:sz-cs w:val="24"/>
        </w:rPr>
        <w:t xml:space="preserve">MT:</w:t>
        <w:tab/>
        <w:t xml:space="preserve">A couple of days we spent there, because of air raids they could not move us, and we got messed up with Hungarians for about 6 hours or so, and then went back. But we stayed in Berlin in captivity there, and another-- it was a facility of some sort, but it was not a nice facility. Where Hungarians were, it was a nice facility that we got chased out of. Wilhelmshaven was another camp. Now this camp, again, is wires, towers, and all this nonsense and everything else. There I remember very good food, for a change. I donít know why, but I remember a piece of bread in the morning, piece of margarine and a little bit of some kind of jelly. Jello.</w:t>
      </w:r>
    </w:p>
    <w:p>
      <w:pPr/>
      <w:r>
        <w:rPr>
          <w:rFonts w:ascii="Helvetica Light" w:hAnsi="Helvetica Light" w:cs="Helvetica Light"/>
          <w:sz w:val="24"/>
          <w:sz-cs w:val="24"/>
        </w:rPr>
        <w:t xml:space="preserve">JF:</w:t>
        <w:tab/>
        <w:t xml:space="preserve">Jelly? or jello?</w:t>
      </w:r>
    </w:p>
    <w:p>
      <w:pPr/>
      <w:r>
        <w:rPr>
          <w:rFonts w:ascii="Helvetica Light" w:hAnsi="Helvetica Light" w:cs="Helvetica Light"/>
          <w:sz w:val="24"/>
          <w:sz-cs w:val="24"/>
        </w:rPr>
        <w:t xml:space="preserve">MT:</w:t>
        <w:tab/>
        <w:t xml:space="preserve">Sweet. Made from...</w:t>
      </w:r>
    </w:p>
    <w:p>
      <w:pPr/>
      <w:r>
        <w:rPr>
          <w:rFonts w:ascii="Helvetica Light" w:hAnsi="Helvetica Light" w:cs="Helvetica Light"/>
          <w:sz w:val="24"/>
          <w:sz-cs w:val="24"/>
        </w:rPr>
        <w:t xml:space="preserve">JF:</w:t>
        <w:tab/>
        <w:t xml:space="preserve">To put on the bread?</w:t>
      </w:r>
    </w:p>
    <w:p>
      <w:pPr/>
      <w:r>
        <w:rPr>
          <w:rFonts w:ascii="Helvetica Light" w:hAnsi="Helvetica Light" w:cs="Helvetica Light"/>
          <w:sz w:val="24"/>
          <w:sz-cs w:val="24"/>
        </w:rPr>
        <w:t xml:space="preserve">MT:</w:t>
        <w:tab/>
        <w:t xml:space="preserve">Yes.</w:t>
      </w:r>
    </w:p>
    <w:p>
      <w:pPr/>
      <w:r>
        <w:rPr>
          <w:rFonts w:ascii="Helvetica Light" w:hAnsi="Helvetica Light" w:cs="Helvetica Light"/>
          <w:sz w:val="24"/>
          <w:sz-cs w:val="24"/>
        </w:rPr>
        <w:t xml:space="preserve">JF:</w:t>
        <w:tab/>
        <w:t xml:space="preserve">Jelly.</w:t>
      </w:r>
    </w:p>
    <w:p>
      <w:pPr/>
      <w:r>
        <w:rPr>
          <w:rFonts w:ascii="Helvetica Light" w:hAnsi="Helvetica Light" w:cs="Helvetica Light"/>
          <w:sz w:val="24"/>
          <w:sz-cs w:val="24"/>
        </w:rPr>
        <w:t xml:space="preserve">MT:</w:t>
        <w:tab/>
        <w:t xml:space="preserve">Jelly. Made from fruit of some sort. They had that. I donít know whether they had milk for us in the morning, but I was surprised, the way I remember, the food was best of everything we had so far, that was in that camp.</w:t>
      </w:r>
    </w:p>
    <w:p>
      <w:pPr/>
      <w:r>
        <w:rPr>
          <w:rFonts w:ascii="Helvetica Light" w:hAnsi="Helvetica Light" w:cs="Helvetica Light"/>
          <w:sz w:val="24"/>
          <w:sz-cs w:val="24"/>
        </w:rPr>
        <w:t xml:space="preserve">JF:</w:t>
        <w:tab/>
        <w:t xml:space="preserve">What kind of camp was this?</w:t>
      </w:r>
    </w:p>
    <w:p>
      <w:pPr/>
      <w:r>
        <w:rPr>
          <w:rFonts w:ascii="Helvetica Light" w:hAnsi="Helvetica Light" w:cs="Helvetica Light"/>
          <w:sz w:val="24"/>
          <w:sz-cs w:val="24"/>
        </w:rPr>
        <w:t xml:space="preserve">MT:</w:t>
        <w:tab/>
        <w:t xml:space="preserve">It was a typical camp again for the Poles, I think.</w:t>
      </w:r>
    </w:p>
    <w:p>
      <w:pPr/>
      <w:r>
        <w:rPr>
          <w:rFonts w:ascii="Helvetica Light" w:hAnsi="Helvetica Light" w:cs="Helvetica Light"/>
          <w:sz w:val="24"/>
          <w:sz-cs w:val="24"/>
        </w:rPr>
        <w:t xml:space="preserve">JF:</w:t>
        <w:tab/>
        <w:t xml:space="preserve">Primarily Poles?</w:t>
      </w:r>
    </w:p>
    <w:p>
      <w:pPr/>
      <w:r>
        <w:rPr>
          <w:rFonts w:ascii="Helvetica Light" w:hAnsi="Helvetica Light" w:cs="Helvetica Light"/>
          <w:sz w:val="24"/>
          <w:sz-cs w:val="24"/>
        </w:rPr>
        <w:t xml:space="preserve">MT:</w:t>
        <w:tab/>
        <w:t xml:space="preserve">It was not a political-- it was for the Poles, I think. It was for working.</w:t>
      </w:r>
    </w:p>
    <w:p>
      <w:pPr/>
      <w:r>
        <w:rPr>
          <w:rFonts w:ascii="Helvetica Light" w:hAnsi="Helvetica Light" w:cs="Helvetica Light"/>
          <w:sz w:val="24"/>
          <w:sz-cs w:val="24"/>
        </w:rPr>
        <w:t xml:space="preserve">JF:</w:t>
        <w:tab/>
        <w:t xml:space="preserve">It was a work camp?</w:t>
      </w:r>
    </w:p>
    <w:p>
      <w:pPr/>
      <w:r>
        <w:rPr>
          <w:rFonts w:ascii="Helvetica Light" w:hAnsi="Helvetica Light" w:cs="Helvetica Light"/>
          <w:sz w:val="24"/>
          <w:sz-cs w:val="24"/>
        </w:rPr>
        <w:t xml:space="preserve">MT:</w:t>
        <w:tab/>
        <w:t xml:space="preserve">A work camp, I think, because it was not one of those major ones that they had, strictly political where they threw Jews and Poles in. Political Poles. It was not whatever you call them.</w:t>
      </w:r>
    </w:p>
    <w:p>
      <w:pPr/>
      <w:r>
        <w:rPr>
          <w:rFonts w:ascii="Helvetica Light" w:hAnsi="Helvetica Light" w:cs="Helvetica Light"/>
          <w:sz w:val="24"/>
          <w:sz-cs w:val="24"/>
        </w:rPr>
        <w:t xml:space="preserve">JF:</w:t>
        <w:tab/>
        <w:t xml:space="preserve">Concentration camps?</w:t>
      </w:r>
    </w:p>
    <w:p>
      <w:pPr/>
      <w:r>
        <w:rPr>
          <w:rFonts w:ascii="Helvetica Light" w:hAnsi="Helvetica Light" w:cs="Helvetica Light"/>
          <w:sz w:val="24"/>
          <w:sz-cs w:val="24"/>
        </w:rPr>
        <w:t xml:space="preserve">MT:</w:t>
        <w:tab/>
        <w:t xml:space="preserve">Yeh. Well, no, the names I was going to go through [unclear]. The only one I can think of is Auschwitz.</w:t>
      </w:r>
    </w:p>
    <w:p>
      <w:pPr/>
      <w:r>
        <w:rPr>
          <w:rFonts w:ascii="Helvetica Light" w:hAnsi="Helvetica Light" w:cs="Helvetica Light"/>
          <w:sz w:val="24"/>
          <w:sz-cs w:val="24"/>
        </w:rPr>
        <w:t xml:space="preserve">JF:</w:t>
        <w:tab/>
        <w:t xml:space="preserve">Not an extermination camp?</w:t>
      </w:r>
    </w:p>
    <w:p>
      <w:pPr/>
      <w:r>
        <w:rPr>
          <w:rFonts w:ascii="Helvetica Light" w:hAnsi="Helvetica Light" w:cs="Helvetica Light"/>
          <w:sz w:val="24"/>
          <w:sz-cs w:val="24"/>
        </w:rPr>
        <w:t xml:space="preserve">MT:</w:t>
        <w:tab/>
        <w:t xml:space="preserve">No. It was not one of them. We did not have to wear a striped uniform, but we had to wear a "P" on our heart.</w:t>
      </w:r>
    </w:p>
    <w:p>
      <w:pPr/>
      <w:r>
        <w:rPr>
          <w:rFonts w:ascii="Helvetica Light" w:hAnsi="Helvetica Light" w:cs="Helvetica Light"/>
          <w:sz w:val="24"/>
          <w:sz-cs w:val="24"/>
        </w:rPr>
        <w:t xml:space="preserve">JF:</w:t>
        <w:tab/>
        <w:t xml:space="preserve">"P" for...</w:t>
      </w:r>
    </w:p>
    <w:p>
      <w:pPr/>
      <w:r>
        <w:rPr>
          <w:rFonts w:ascii="Helvetica Light" w:hAnsi="Helvetica Light" w:cs="Helvetica Light"/>
          <w:sz w:val="24"/>
          <w:sz-cs w:val="24"/>
        </w:rPr>
        <w:t xml:space="preserve">MT:</w:t>
        <w:tab/>
        <w:t xml:space="preserve">Pole, but it was a "P" in the color of the Ukrainian flag. It was a yellow "P" on a blue background. Ukrainians have yellow and blue as their national flag. Now ours is white and red, so we had to use their color and you had to wear it on your heart and it was in the shape of a diamond. My mother has one and I was going to bring it and I forgot to. We still have one. Then we had to have it sewn on our clothes.</w:t>
      </w:r>
    </w:p>
    <w:p>
      <w:pPr/>
      <w:r>
        <w:rPr>
          <w:rFonts w:ascii="Helvetica Light" w:hAnsi="Helvetica Light" w:cs="Helvetica Light"/>
          <w:sz w:val="24"/>
          <w:sz-cs w:val="24"/>
        </w:rPr>
        <w:t xml:space="preserve">JF:</w:t>
        <w:tab/>
        <w:t xml:space="preserve">This was in Wilhelmshaven?</w:t>
      </w:r>
    </w:p>
    <w:p>
      <w:pPr/>
      <w:r>
        <w:rPr>
          <w:rFonts w:ascii="Helvetica Light" w:hAnsi="Helvetica Light" w:cs="Helvetica Light"/>
          <w:sz w:val="24"/>
          <w:sz-cs w:val="24"/>
        </w:rPr>
        <w:t xml:space="preserve">MT:</w:t>
        <w:tab/>
        <w:t xml:space="preserve">No, that started from Strasshof. From then on we always had to have "P".</w:t>
      </w:r>
    </w:p>
    <w:p>
      <w:pPr/>
      <w:r>
        <w:rPr>
          <w:rFonts w:ascii="Helvetica Light" w:hAnsi="Helvetica Light" w:cs="Helvetica Light"/>
          <w:sz w:val="24"/>
          <w:sz-cs w:val="24"/>
        </w:rPr>
        <w:t xml:space="preserve">JF:</w:t>
        <w:tab/>
        <w:t xml:space="preserve">This was on your own clothes, not on any uniform?</w:t>
      </w:r>
    </w:p>
    <w:p>
      <w:pPr/>
      <w:r>
        <w:rPr>
          <w:rFonts w:ascii="Helvetica Light" w:hAnsi="Helvetica Light" w:cs="Helvetica Light"/>
          <w:sz w:val="24"/>
          <w:sz-cs w:val="24"/>
        </w:rPr>
        <w:t xml:space="preserve">MT:</w:t>
        <w:tab/>
        <w:t xml:space="preserve">Yes. Perhaps maybe in Strasshof we didnít have it because they would have recognized us. Maybe it started with Wilhelmshaven, because I know that we were marked later on. Maybe it was because of a mishap or whatever. But this was organized camp. This they knew what they were doing and we had to wear this and then we were started to feel, like I mentioned-- The food, I thought, was excellent, but here they started to dig around about peopleís background in Wilhelmshaven. Every individual had to go and be interviewed or interrogated to find out what his background was, what he was doing, what he was doing in pre-Poland, what kind of job he had...</w:t>
      </w:r>
    </w:p>
    <w:p>
      <w:pPr/>
      <w:r>
        <w:rPr>
          <w:rFonts w:ascii="Helvetica Light" w:hAnsi="Helvetica Light" w:cs="Helvetica Light"/>
          <w:sz w:val="24"/>
          <w:sz-cs w:val="24"/>
        </w:rPr>
        <w:t xml:space="preserve">JF:</w:t>
        <w:tab/>
        <w:t xml:space="preserve">Who was doing the interrogation? The Germans or the Ukrainians.</w:t>
      </w:r>
    </w:p>
    <w:p>
      <w:pPr/>
      <w:r>
        <w:rPr>
          <w:rFonts w:ascii="Helvetica Light" w:hAnsi="Helvetica Light" w:cs="Helvetica Light"/>
          <w:sz w:val="24"/>
          <w:sz-cs w:val="24"/>
        </w:rPr>
        <w:t xml:space="preserve">MT:</w:t>
        <w:tab/>
        <w:t xml:space="preserve">The Ukrainians, because we could not speak German. My parents could speak German and Ukrainian because that was the territory that had German colony and so forth.</w:t>
      </w:r>
    </w:p>
    <w:p>
      <w:pPr/>
      <w:r>
        <w:rPr>
          <w:rFonts w:ascii="Helvetica Light" w:hAnsi="Helvetica Light" w:cs="Helvetica Light"/>
          <w:sz w:val="24"/>
          <w:sz-cs w:val="24"/>
        </w:rPr>
        <w:t xml:space="preserve">JF:</w:t>
        <w:tab/>
        <w:t xml:space="preserve">Were the Germans in control of the camp and the Ukrainians were the workers who were...?</w:t>
      </w:r>
    </w:p>
    <w:p>
      <w:pPr/>
      <w:r>
        <w:rPr>
          <w:rFonts w:ascii="Helvetica Light" w:hAnsi="Helvetica Light" w:cs="Helvetica Light"/>
          <w:sz w:val="24"/>
          <w:sz-cs w:val="24"/>
        </w:rPr>
        <w:t xml:space="preserve">MT:</w:t>
        <w:tab/>
        <w:t xml:space="preserve">The workers. Well, Germans were more or less on the outside. I could not touch the Germans, but they were the last closing gate, but closer to us were the Ukrainians. The ones that would kick you and talk to you and so forth were the Ukrainians.</w:t>
      </w:r>
    </w:p>
    <w:p>
      <w:pPr/>
      <w:r>
        <w:rPr>
          <w:rFonts w:ascii="Helvetica Light" w:hAnsi="Helvetica Light" w:cs="Helvetica Light"/>
          <w:sz w:val="24"/>
          <w:sz-cs w:val="24"/>
        </w:rPr>
        <w:t xml:space="preserve">JF:</w:t>
        <w:tab/>
        <w:t xml:space="preserve">You were then interrogated, also?</w:t>
      </w:r>
    </w:p>
    <w:p>
      <w:pPr/>
      <w:r>
        <w:rPr>
          <w:rFonts w:ascii="Helvetica Light" w:hAnsi="Helvetica Light" w:cs="Helvetica Light"/>
          <w:sz w:val="24"/>
          <w:sz-cs w:val="24"/>
        </w:rPr>
        <w:t xml:space="preserve">MT:</w:t>
        <w:tab/>
        <w:t xml:space="preserve">No, I was not.</w:t>
      </w:r>
    </w:p>
    <w:p>
      <w:pPr/>
      <w:r>
        <w:rPr>
          <w:rFonts w:ascii="Helvetica Light" w:hAnsi="Helvetica Light" w:cs="Helvetica Light"/>
          <w:sz w:val="24"/>
          <w:sz-cs w:val="24"/>
        </w:rPr>
        <w:t xml:space="preserve">JF:</w:t>
        <w:tab/>
        <w:t xml:space="preserve">Just your father and your mother?</w:t>
      </w:r>
    </w:p>
    <w:p>
      <w:pPr/>
      <w:r>
        <w:rPr>
          <w:rFonts w:ascii="Helvetica Light" w:hAnsi="Helvetica Light" w:cs="Helvetica Light"/>
          <w:sz w:val="24"/>
          <w:sz-cs w:val="24"/>
        </w:rPr>
        <w:t xml:space="preserve">MT:</w:t>
        <w:tab/>
        <w:t xml:space="preserve">My father and mother and all the elders.</w:t>
      </w:r>
    </w:p>
    <w:p>
      <w:pPr/>
      <w:r>
        <w:rPr>
          <w:rFonts w:ascii="Helvetica Light" w:hAnsi="Helvetica Light" w:cs="Helvetica Light"/>
          <w:sz w:val="24"/>
          <w:sz-cs w:val="24"/>
        </w:rPr>
        <w:t xml:space="preserve">JF:</w:t>
        <w:tab/>
        <w:t xml:space="preserve">What did they find out?</w:t>
      </w:r>
    </w:p>
    <w:p>
      <w:pPr/>
      <w:r>
        <w:rPr>
          <w:rFonts w:ascii="Helvetica Light" w:hAnsi="Helvetica Light" w:cs="Helvetica Light"/>
          <w:sz w:val="24"/>
          <w:sz-cs w:val="24"/>
        </w:rPr>
        <w:t xml:space="preserve">MT:</w:t>
        <w:tab/>
        <w:t xml:space="preserve">Thatís when, a lot of-- I just remembered that my father said something to my mother one night, that he will not talk. "He will not talk. I can trust him. He will not talk." He was-- they must have been talking about underground activities they had in Hungary, the individual that they were suspecting, and they were interrogating more and more and more. And my father said, "He will not talk, I am sure. He will not talk." And so, they were trying to remove all the organization from the group, the way I see it now. They didnít want anything to let go, to pass by their fingers. If somebody was doing something against the system, or if he was doing something for the system, prior to the war, for the other system, then he is evil and not worth anything. But they had pillows and they had sheets in that camp. I still canít figure it out, ëcause itís the only camp they had. Perhaps itís because it was close to Berlin, to tell somebody that this is how we run the camps. I donít know.</w:t>
      </w:r>
    </w:p>
    <w:p>
      <w:pPr/>
      <w:r>
        <w:rPr>
          <w:rFonts w:ascii="Helvetica Light" w:hAnsi="Helvetica Light" w:cs="Helvetica Light"/>
          <w:sz w:val="24"/>
          <w:sz-cs w:val="24"/>
        </w:rPr>
        <w:t xml:space="preserve">JF:</w:t>
        <w:tab/>
        <w:t xml:space="preserve">So it might have been shown as a model camp?</w:t>
      </w:r>
    </w:p>
    <w:p>
      <w:pPr/>
      <w:r>
        <w:rPr>
          <w:rFonts w:ascii="Helvetica Light" w:hAnsi="Helvetica Light" w:cs="Helvetica Light"/>
          <w:sz w:val="24"/>
          <w:sz-cs w:val="24"/>
        </w:rPr>
        <w:t xml:space="preserve">MT: </w:t>
        <w:tab/>
        <w:t xml:space="preserve">Perhaps. Perhaps some Germans, perhaps wanted to see what the camps looked like. I donít think the Red Cross had anything to do with it, but I think perhaps some individuals in their hierarchy wanted to know, "What do you mean you are making camps? What do they look like? And, sure, it was closest to, letís drive up to, we will show you." So they had that. So perhaps that is why they also had food, but they were very, very nasty, because everybody was tight-lipped, more and more. Pretty soon, nobody wanted to talk. Nothing. Everybody just-- so things were happening there.</w:t>
      </w:r>
    </w:p>
    <w:p>
      <w:pPr/>
      <w:r>
        <w:rPr>
          <w:rFonts w:ascii="Helvetica Light" w:hAnsi="Helvetica Light" w:cs="Helvetica Light"/>
          <w:sz w:val="24"/>
          <w:sz-cs w:val="24"/>
        </w:rPr>
        <w:t xml:space="preserve">JF:</w:t>
        <w:tab/>
        <w:t xml:space="preserve">You were still with your family? </w:t>
      </w:r>
    </w:p>
    <w:p>
      <w:pPr/>
      <w:r>
        <w:rPr>
          <w:rFonts w:ascii="Helvetica Light" w:hAnsi="Helvetica Light" w:cs="Helvetica Light"/>
          <w:sz w:val="24"/>
          <w:sz-cs w:val="24"/>
        </w:rPr>
        <w:t xml:space="preserve">MT:</w:t>
        <w:tab/>
        <w:t xml:space="preserve">Yes, I was still with the family.</w:t>
      </w:r>
    </w:p>
    <w:p>
      <w:pPr/>
      <w:r>
        <w:rPr>
          <w:rFonts w:ascii="Helvetica Light" w:hAnsi="Helvetica Light" w:cs="Helvetica Light"/>
          <w:sz w:val="24"/>
          <w:sz-cs w:val="24"/>
        </w:rPr>
        <w:t xml:space="preserve">JF:</w:t>
        <w:tab/>
        <w:t xml:space="preserve">In a mass kind of sleeping arrangement?</w:t>
      </w:r>
    </w:p>
    <w:p>
      <w:pPr/>
      <w:r>
        <w:rPr>
          <w:rFonts w:ascii="Helvetica Light" w:hAnsi="Helvetica Light" w:cs="Helvetica Light"/>
          <w:sz w:val="24"/>
          <w:sz-cs w:val="24"/>
        </w:rPr>
        <w:t xml:space="preserve">MT:</w:t>
        <w:tab/>
        <w:t xml:space="preserve">Yes, the open barracks, open barracks and latrines, whatever you call them, bathrooms, were outside. Never inside a building, you had to go outside. It was a wooden type, with a hole in the ground, but you could more or less sit down on it, but in that camp I donít remember if it was too dirty, but in the others...</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br w:type="page"/>
        <w:t xml:space="preserve">Tape three, side two:</w:t>
      </w:r>
    </w:p>
    <w:p>
      <w:pPr/>
      <w:r>
        <w:rPr>
          <w:rFonts w:ascii="Helvetica Light" w:hAnsi="Helvetica Light" w:cs="Helvetica Light"/>
          <w:sz w:val="24"/>
          <w:sz-cs w:val="24"/>
        </w:rPr>
        <w:t xml:space="preserve">MT:</w:t>
        <w:tab/>
        <w:t xml:space="preserve">So, we stopped at Wilhelmshaven, the camp. It was the first camp that I saw sheets on the bed. It was very nice and that was the camp that I finally realized what my mother saved, the yeast, dry yeast. It was not in existence at that time. The cooks, the people in charge of cooking, people in charge of everything, were Ukrainians. Now, we, living with the Ukrainians, it was no big deal speaking their language for my parents. They still felt probably comfortable to talk to them. My mother made a deal with the cook, one of the cooks, and I remember him speaking a beautiful Polish language. They were all Polish citizens who went to schools. Of course, they were just like anybody else, except they were fighting for something that they never had, their country. She told him that she has yeast. He said, "What?" I said, "Yeast." And he says, "Yes, but itís probably spoiled." And she says, "No, itís dry." "Never heard of it." She says, ìI have it here. If I can, if you allow me to use your oven to bake something" -- we had still some flour from Hungary and yeast-- ìI will give you some." He said, "All right." So she had to give him a certain amount of yeast and he allowed her to use the oven to put her mixture into it and, then, also as a token of appreciation, he gave her a bottle of butter, melted butter. Thatís how how he kept it, in a bottle, so we would have to put it on something. So I remember she baked, not too much. I guess she didnít have too much flour or he wouldnít give us too much, but she baked cakes,  similar to [unclear].  They had no nuts on them or raisins or anything but about that size, maybe about 30 of them, just ...</w:t>
      </w:r>
    </w:p>
    <w:p>
      <w:pPr/>
      <w:r>
        <w:rPr>
          <w:rFonts w:ascii="Helvetica Light" w:hAnsi="Helvetica Light" w:cs="Helvetica Light"/>
          <w:sz w:val="24"/>
          <w:sz-cs w:val="24"/>
        </w:rPr>
        <w:t xml:space="preserve">JF:</w:t>
        <w:tab/>
        <w:t xml:space="preserve">Small rolls.</w:t>
      </w:r>
    </w:p>
    <w:p>
      <w:pPr/>
      <w:r>
        <w:rPr>
          <w:rFonts w:ascii="Helvetica Light" w:hAnsi="Helvetica Light" w:cs="Helvetica Light"/>
          <w:sz w:val="24"/>
          <w:sz-cs w:val="24"/>
        </w:rPr>
        <w:t xml:space="preserve">MT: </w:t>
        <w:tab/>
        <w:t xml:space="preserve">Small rolls. I donít know if they had eggs, whether he gave her eggs or not, I donít know.</w:t>
      </w:r>
    </w:p>
    <w:p>
      <w:pPr/>
      <w:r>
        <w:rPr>
          <w:rFonts w:ascii="Helvetica Light" w:hAnsi="Helvetica Light" w:cs="Helvetica Light"/>
          <w:sz w:val="24"/>
          <w:sz-cs w:val="24"/>
        </w:rPr>
        <w:t xml:space="preserve">JF:</w:t>
        <w:tab/>
        <w:t xml:space="preserve">This was Ukrainian.</w:t>
      </w:r>
    </w:p>
    <w:p>
      <w:pPr/>
      <w:r>
        <w:rPr>
          <w:rFonts w:ascii="Helvetica Light" w:hAnsi="Helvetica Light" w:cs="Helvetica Light"/>
          <w:sz w:val="24"/>
          <w:sz-cs w:val="24"/>
        </w:rPr>
        <w:t xml:space="preserve">MT:</w:t>
        <w:tab/>
        <w:t xml:space="preserve">Ukrainian, because he was, that was his kitchen. They were in charge of everything, but they allowed her to do that. So, she brought to the barrack, and put it under the pillow and I remember each time I went there under the pillow to take one out, I felt so guilty, because I knew that my parents didnít eat any of them, and I was also, I felt terribly guilty that my younger brother probably wants it, that this will run out.</w:t>
      </w:r>
    </w:p>
    <w:p>
      <w:pPr/>
      <w:r>
        <w:rPr>
          <w:rFonts w:ascii="Helvetica Light" w:hAnsi="Helvetica Light" w:cs="Helvetica Light"/>
          <w:sz w:val="24"/>
          <w:sz-cs w:val="24"/>
        </w:rPr>
        <w:t xml:space="preserve">JF:</w:t>
        <w:tab/>
        <w:t xml:space="preserve">Had they designated how many rolls each of you was to have, or did they just put them there-- knowing that you would get them?</w:t>
      </w:r>
    </w:p>
    <w:p>
      <w:pPr/>
      <w:r>
        <w:rPr>
          <w:rFonts w:ascii="Helvetica Light" w:hAnsi="Helvetica Light" w:cs="Helvetica Light"/>
          <w:sz w:val="24"/>
          <w:sz-cs w:val="24"/>
        </w:rPr>
        <w:t xml:space="preserve">MT:</w:t>
        <w:tab/>
        <w:t xml:space="preserve">They just put them there.</w:t>
      </w:r>
    </w:p>
    <w:p>
      <w:pPr/>
      <w:r>
        <w:rPr>
          <w:rFonts w:ascii="Helvetica Light" w:hAnsi="Helvetica Light" w:cs="Helvetica Light"/>
          <w:sz w:val="24"/>
          <w:sz-cs w:val="24"/>
        </w:rPr>
        <w:t xml:space="preserve">JF:</w:t>
        <w:tab/>
        <w:t xml:space="preserve">And you knew that they werenít eating any?</w:t>
      </w:r>
    </w:p>
    <w:p>
      <w:pPr/>
      <w:r>
        <w:rPr>
          <w:rFonts w:ascii="Helvetica Light" w:hAnsi="Helvetica Light" w:cs="Helvetica Light"/>
          <w:sz w:val="24"/>
          <w:sz-cs w:val="24"/>
        </w:rPr>
        <w:t xml:space="preserve">MT: </w:t>
        <w:tab/>
        <w:t xml:space="preserve">We knew, and we also knew that each other, of each one was not getting their share and I, as an older brother, the other two-- I felt bad about reaching for it.</w:t>
      </w:r>
    </w:p>
    <w:p>
      <w:pPr/>
      <w:r>
        <w:rPr>
          <w:rFonts w:ascii="Helvetica Light" w:hAnsi="Helvetica Light" w:cs="Helvetica Light"/>
          <w:sz w:val="24"/>
          <w:sz-cs w:val="24"/>
        </w:rPr>
        <w:t xml:space="preserve">JF:</w:t>
        <w:tab/>
        <w:t xml:space="preserve">For your younger two brothers?</w:t>
      </w:r>
    </w:p>
    <w:p>
      <w:pPr/>
      <w:r>
        <w:rPr>
          <w:rFonts w:ascii="Helvetica Light" w:hAnsi="Helvetica Light" w:cs="Helvetica Light"/>
          <w:sz w:val="24"/>
          <w:sz-cs w:val="24"/>
        </w:rPr>
        <w:t xml:space="preserve">MT:</w:t>
        <w:tab/>
        <w:t xml:space="preserve">Yes.</w:t>
      </w:r>
    </w:p>
    <w:p>
      <w:pPr/>
      <w:r>
        <w:rPr>
          <w:rFonts w:ascii="Helvetica Light" w:hAnsi="Helvetica Light" w:cs="Helvetica Light"/>
          <w:sz w:val="24"/>
          <w:sz-cs w:val="24"/>
        </w:rPr>
        <w:t xml:space="preserve">JF:</w:t>
        <w:tab/>
        <w:t xml:space="preserve">You didnít think that they were getting...</w:t>
      </w:r>
    </w:p>
    <w:p>
      <w:pPr/>
      <w:r>
        <w:rPr>
          <w:rFonts w:ascii="Helvetica Light" w:hAnsi="Helvetica Light" w:cs="Helvetica Light"/>
          <w:sz w:val="24"/>
          <w:sz-cs w:val="24"/>
        </w:rPr>
        <w:t xml:space="preserve">MT:</w:t>
        <w:tab/>
        <w:t xml:space="preserve">I felt that I shouldnít-- I should leave it so they have more, because I knew that this was only something that just happened now and we wouldnít have it anymore. And that was true. We never had that anymore because I guess she didnít have anymore because I guess she didnít have anymore yeast.  She must have probably used part of it and gave the rest of it away and that was the end of it. But then, again, thatís not quite right because I donít whether you need yeast, no, you donít need yeast for piroges. They had bunkers, not bunkers, underground holes, and in those holes they also had little cooking facilities like barbecue things.</w:t>
      </w:r>
    </w:p>
    <w:p>
      <w:pPr/>
      <w:r>
        <w:rPr>
          <w:rFonts w:ascii="Helvetica Light" w:hAnsi="Helvetica Light" w:cs="Helvetica Light"/>
          <w:sz w:val="24"/>
          <w:sz-cs w:val="24"/>
        </w:rPr>
        <w:t xml:space="preserve">JF:</w:t>
        <w:tab/>
        <w:t xml:space="preserve">Where was this, in Wilhelmshaven?</w:t>
      </w:r>
    </w:p>
    <w:p>
      <w:pPr/>
      <w:r>
        <w:rPr>
          <w:rFonts w:ascii="Helvetica Light" w:hAnsi="Helvetica Light" w:cs="Helvetica Light"/>
          <w:sz w:val="24"/>
          <w:sz-cs w:val="24"/>
        </w:rPr>
        <w:t xml:space="preserve">MT: </w:t>
        <w:tab/>
        <w:t xml:space="preserve">Because constantly the Americans were bombing Berlin, constantly.</w:t>
      </w:r>
    </w:p>
    <w:p>
      <w:pPr/>
      <w:r>
        <w:rPr>
          <w:rFonts w:ascii="Helvetica Light" w:hAnsi="Helvetica Light" w:cs="Helvetica Light"/>
          <w:sz w:val="24"/>
          <w:sz-cs w:val="24"/>
        </w:rPr>
        <w:t xml:space="preserve">JF:</w:t>
        <w:tab/>
        <w:t xml:space="preserve">Oh, so they built the bunkers as part of the camp?</w:t>
      </w:r>
    </w:p>
    <w:p>
      <w:pPr/>
      <w:r>
        <w:rPr>
          <w:rFonts w:ascii="Helvetica Light" w:hAnsi="Helvetica Light" w:cs="Helvetica Light"/>
          <w:sz w:val="24"/>
          <w:sz-cs w:val="24"/>
        </w:rPr>
        <w:t xml:space="preserve">MT:</w:t>
        <w:tab/>
        <w:t xml:space="preserve">Built the bunkers underground.  Yes, oh yes, because you were the necessary commodity.  You had to hide. You could not-- in the first place, you could give Americans a signal. You had to hide. In the second place, they needed you to clear up the territory after the bombing. My mother made some pirogis, I remember. Thatís something like-- uh Jewish have something like, a dumpling. </w:t>
      </w:r>
    </w:p>
    <w:p>
      <w:pPr/>
      <w:r>
        <w:rPr>
          <w:rFonts w:ascii="Helvetica Light" w:hAnsi="Helvetica Light" w:cs="Helvetica Light"/>
          <w:sz w:val="24"/>
          <w:sz-cs w:val="24"/>
        </w:rPr>
        <w:t xml:space="preserve">JF:</w:t>
        <w:tab/>
        <w:t xml:space="preserve">Kreplach, a dumpling.</w:t>
      </w:r>
    </w:p>
    <w:p>
      <w:pPr/>
      <w:r>
        <w:rPr>
          <w:rFonts w:ascii="Helvetica Light" w:hAnsi="Helvetica Light" w:cs="Helvetica Light"/>
          <w:sz w:val="24"/>
          <w:sz-cs w:val="24"/>
        </w:rPr>
        <w:t xml:space="preserve">MT:</w:t>
        <w:tab/>
        <w:t xml:space="preserve">But something happened. They yelled because there was some smoke getting out so that was like a signal to the Americans.</w:t>
      </w:r>
    </w:p>
    <w:p>
      <w:pPr/>
      <w:r>
        <w:rPr>
          <w:rFonts w:ascii="Helvetica Light" w:hAnsi="Helvetica Light" w:cs="Helvetica Light"/>
          <w:sz w:val="24"/>
          <w:sz-cs w:val="24"/>
        </w:rPr>
        <w:t xml:space="preserve">JF:</w:t>
        <w:tab/>
        <w:t xml:space="preserve">Was she also involved with the Ukrainian cook when she made the perogies, or...?</w:t>
      </w:r>
    </w:p>
    <w:p>
      <w:pPr/>
      <w:r>
        <w:rPr>
          <w:rFonts w:ascii="Helvetica Light" w:hAnsi="Helvetica Light" w:cs="Helvetica Light"/>
          <w:sz w:val="24"/>
          <w:sz-cs w:val="24"/>
        </w:rPr>
        <w:t xml:space="preserve">MT:</w:t>
        <w:tab/>
        <w:t xml:space="preserve">No, that was-- I think she still had water-- I mean flour and I think thatís all it is flour and water-- and they had heat like a barbecue thing that you put a few sticks together and you did something.</w:t>
      </w:r>
    </w:p>
    <w:p>
      <w:pPr/>
      <w:r>
        <w:rPr>
          <w:rFonts w:ascii="Helvetica Light" w:hAnsi="Helvetica Light" w:cs="Helvetica Light"/>
          <w:sz w:val="24"/>
          <w:sz-cs w:val="24"/>
        </w:rPr>
        <w:t xml:space="preserve">JF:</w:t>
        <w:tab/>
        <w:t xml:space="preserve">So, she made it in the bunker?</w:t>
      </w:r>
    </w:p>
    <w:p>
      <w:pPr/>
      <w:r>
        <w:rPr>
          <w:rFonts w:ascii="Helvetica Light" w:hAnsi="Helvetica Light" w:cs="Helvetica Light"/>
          <w:sz w:val="24"/>
          <w:sz-cs w:val="24"/>
        </w:rPr>
        <w:t xml:space="preserve">MT:</w:t>
        <w:tab/>
        <w:t xml:space="preserve">I remember she made like 6 of them, I think, and again there was that pain of whoís going to eat. And, then, shortly after that, one day came the big bombing of Berlin. What a sight and what a sound! We were tremendously scared but so eagerly happy about the event.</w:t>
      </w:r>
    </w:p>
    <w:p>
      <w:pPr/>
      <w:r>
        <w:rPr>
          <w:rFonts w:ascii="Helvetica Light" w:hAnsi="Helvetica Light" w:cs="Helvetica Light"/>
          <w:sz w:val="24"/>
          <w:sz-cs w:val="24"/>
        </w:rPr>
        <w:t xml:space="preserve">JF:</w:t>
        <w:tab/>
        <w:t xml:space="preserve">You were hidden in the bunker?</w:t>
      </w:r>
    </w:p>
    <w:p>
      <w:pPr/>
      <w:r>
        <w:rPr>
          <w:rFonts w:ascii="Helvetica Light" w:hAnsi="Helvetica Light" w:cs="Helvetica Light"/>
          <w:sz w:val="24"/>
          <w:sz-cs w:val="24"/>
        </w:rPr>
        <w:t xml:space="preserve">MT:</w:t>
        <w:tab/>
        <w:t xml:space="preserve">We were-- yes, but we were only thirteen kilometers from Berlin and that bombing lasted like 4 or 4 Ω hours. Wave after wave of Americanís planes were just coming in and dumping all of their load on Berlin. For 3 days or more after the bombing, Berlin was on fire and money was coming down even into our camp, German Marks, but they were all burned. Of course, what was the difference? You couldnít buy anything anyway.</w:t>
      </w:r>
    </w:p>
    <w:p>
      <w:pPr/>
      <w:r>
        <w:rPr>
          <w:rFonts w:ascii="Helvetica Light" w:hAnsi="Helvetica Light" w:cs="Helvetica Light"/>
          <w:sz w:val="24"/>
          <w:sz-cs w:val="24"/>
        </w:rPr>
        <w:t xml:space="preserve">JF:</w:t>
        <w:tab/>
        <w:t xml:space="preserve">Where was the money coming from?</w:t>
      </w:r>
    </w:p>
    <w:p>
      <w:pPr/>
      <w:r>
        <w:rPr>
          <w:rFonts w:ascii="Helvetica Light" w:hAnsi="Helvetica Light" w:cs="Helvetica Light"/>
          <w:sz w:val="24"/>
          <w:sz-cs w:val="24"/>
        </w:rPr>
        <w:t xml:space="preserve">MT:</w:t>
        <w:tab/>
        <w:t xml:space="preserve">Banks were hit, I think, and the heat took them up in the air and the wind threw them around. Tremendous heat. It was, like I said, Berlin was burning for a long time.</w:t>
      </w:r>
    </w:p>
    <w:p>
      <w:pPr/>
      <w:r>
        <w:rPr>
          <w:rFonts w:ascii="Helvetica Light" w:hAnsi="Helvetica Light" w:cs="Helvetica Light"/>
          <w:sz w:val="24"/>
          <w:sz-cs w:val="24"/>
        </w:rPr>
        <w:t xml:space="preserve">JF:</w:t>
        <w:tab/>
        <w:t xml:space="preserve">And pieces of money were actually floating down?</w:t>
      </w:r>
    </w:p>
    <w:p>
      <w:pPr/>
      <w:r>
        <w:rPr>
          <w:rFonts w:ascii="Helvetica Light" w:hAnsi="Helvetica Light" w:cs="Helvetica Light"/>
          <w:sz w:val="24"/>
          <w:sz-cs w:val="24"/>
        </w:rPr>
        <w:t xml:space="preserve">MT:</w:t>
        <w:tab/>
        <w:t xml:space="preserve">Yes. We had pieces was burned.  But things started getting nastier and nastier. The Russians were coming. Father had to work to fortify the roads. They were building-- blockading  like roads, forcing the traffic through the middle of the roads. They were building site-- something.</w:t>
      </w:r>
    </w:p>
    <w:p>
      <w:pPr/>
      <w:r>
        <w:rPr>
          <w:rFonts w:ascii="Helvetica Light" w:hAnsi="Helvetica Light" w:cs="Helvetica Light"/>
          <w:sz w:val="24"/>
          <w:sz-cs w:val="24"/>
        </w:rPr>
        <w:t xml:space="preserve">JF:</w:t>
        <w:tab/>
        <w:t xml:space="preserve">Was this the first time that you had been in a work situation in a camp? This was the first one you were in long enough to be in this situation.</w:t>
      </w:r>
    </w:p>
    <w:p>
      <w:pPr/>
      <w:r>
        <w:rPr>
          <w:rFonts w:ascii="Helvetica Light" w:hAnsi="Helvetica Light" w:cs="Helvetica Light"/>
          <w:sz w:val="24"/>
          <w:sz-cs w:val="24"/>
        </w:rPr>
        <w:t xml:space="preserve">MT:</w:t>
        <w:tab/>
        <w:t xml:space="preserve">This was the first time we were actually put into work.</w:t>
      </w:r>
    </w:p>
    <w:p>
      <w:pPr/>
      <w:r>
        <w:rPr>
          <w:rFonts w:ascii="Helvetica Light" w:hAnsi="Helvetica Light" w:cs="Helvetica Light"/>
          <w:sz w:val="24"/>
          <w:sz-cs w:val="24"/>
        </w:rPr>
        <w:t xml:space="preserve">JF:</w:t>
        <w:tab/>
        <w:t xml:space="preserve">Were you also working?</w:t>
      </w:r>
    </w:p>
    <w:p>
      <w:pPr/>
      <w:r>
        <w:rPr>
          <w:rFonts w:ascii="Helvetica Light" w:hAnsi="Helvetica Light" w:cs="Helvetica Light"/>
          <w:sz w:val="24"/>
          <w:sz-cs w:val="24"/>
        </w:rPr>
        <w:t xml:space="preserve">MT:</w:t>
        <w:tab/>
        <w:t xml:space="preserve">Not in that camp, yet. In that camp, I did not know what work was, and I donít believe my older brother-- He was 12 already and was still not working either.</w:t>
      </w:r>
    </w:p>
    <w:p>
      <w:pPr/>
      <w:r>
        <w:rPr>
          <w:rFonts w:ascii="Helvetica Light" w:hAnsi="Helvetica Light" w:cs="Helvetica Light"/>
          <w:sz w:val="24"/>
          <w:sz-cs w:val="24"/>
        </w:rPr>
        <w:t xml:space="preserve">JF:</w:t>
        <w:tab/>
        <w:t xml:space="preserve">He was twelve.</w:t>
      </w:r>
    </w:p>
    <w:p>
      <w:pPr/>
      <w:r>
        <w:rPr>
          <w:rFonts w:ascii="Helvetica Light" w:hAnsi="Helvetica Light" w:cs="Helvetica Light"/>
          <w:sz w:val="24"/>
          <w:sz-cs w:val="24"/>
        </w:rPr>
        <w:t xml:space="preserve">MT:</w:t>
        <w:tab/>
        <w:t xml:space="preserve">He was not working either.</w:t>
      </w:r>
    </w:p>
    <w:p>
      <w:pPr/>
      <w:r>
        <w:rPr>
          <w:rFonts w:ascii="Helvetica Light" w:hAnsi="Helvetica Light" w:cs="Helvetica Light"/>
          <w:sz w:val="24"/>
          <w:sz-cs w:val="24"/>
        </w:rPr>
        <w:t xml:space="preserve">JF:</w:t>
        <w:tab/>
        <w:t xml:space="preserve">How long were you in this camp?</w:t>
      </w:r>
    </w:p>
    <w:p>
      <w:pPr/>
      <w:r>
        <w:rPr>
          <w:rFonts w:ascii="Helvetica Light" w:hAnsi="Helvetica Light" w:cs="Helvetica Light"/>
          <w:sz w:val="24"/>
          <w:sz-cs w:val="24"/>
        </w:rPr>
        <w:t xml:space="preserve">MT:</w:t>
        <w:tab/>
        <w:t xml:space="preserve">This camp, we were probably 2 months, 3 months. My parents, somehow, for some reason my father didnít like that set-up there near Berlin. Maybe the Ukrainians were too strong in control or something. He was afraid of something. They found out, I still donít know how, that somebody needs workers, and they made some arrangements with somebody. "Why donít you send us Poles, x number of people to the working site there?" I donít know what happened, but finally they did take a whole bunch of us. They sent us from Wilhelmshaven to Bayreuth, and there again we didnít stay too long, but Neumark was the last one.</w:t>
      </w:r>
    </w:p>
    <w:p>
      <w:pPr/>
      <w:r>
        <w:rPr>
          <w:rFonts w:ascii="Helvetica Light" w:hAnsi="Helvetica Light" w:cs="Helvetica Light"/>
          <w:sz w:val="24"/>
          <w:sz-cs w:val="24"/>
        </w:rPr>
        <w:t xml:space="preserve">JF:</w:t>
        <w:tab/>
        <w:t xml:space="preserve">B-A-Y-R-E-U-T-H. Which was the camp that you were at after Wilhelmshaven?</w:t>
      </w:r>
    </w:p>
    <w:p>
      <w:pPr/>
      <w:r>
        <w:rPr>
          <w:rFonts w:ascii="Helvetica Light" w:hAnsi="Helvetica Light" w:cs="Helvetica Light"/>
          <w:sz w:val="24"/>
          <w:sz-cs w:val="24"/>
        </w:rPr>
        <w:t xml:space="preserve">MT:</w:t>
        <w:tab/>
        <w:t xml:space="preserve">Wilhelmshaven. But that one I hardly remember. There was a short camp and I told my father, "Isnít that something? I remember Strasshof. I remember Berlin and Wilhelmshaven."</w:t>
      </w:r>
    </w:p>
    <w:p>
      <w:pPr/>
      <w:r>
        <w:rPr>
          <w:rFonts w:ascii="Helvetica Light" w:hAnsi="Helvetica Light" w:cs="Helvetica Light"/>
          <w:sz w:val="24"/>
          <w:sz-cs w:val="24"/>
        </w:rPr>
        <w:t xml:space="preserve">JF:</w:t>
        <w:tab/>
        <w:t xml:space="preserve">Did he volunteer to go?</w:t>
      </w:r>
    </w:p>
    <w:p>
      <w:pPr/>
      <w:r>
        <w:rPr>
          <w:rFonts w:ascii="Helvetica Light" w:hAnsi="Helvetica Light" w:cs="Helvetica Light"/>
          <w:sz w:val="24"/>
          <w:sz-cs w:val="24"/>
        </w:rPr>
        <w:t xml:space="preserve">MT:</w:t>
        <w:tab/>
        <w:t xml:space="preserve">No, they either heard through this Ukrainian that they are thinking about shipping some people, or something. But he asked if we could do some work in that area. If you need people? And now, later on, actually I found out that that was a very good move that they did, because Russians were coming.  I gather the reason they did this, they were, again afraid of Russians. Russians were coming very rapidly towards Berlin. War was coming to the end. My father was working on those preparations to welcome Russians. German defense system. To stop them, to destroy them. We were moved through Bayreuth.  I donít remember how long we were there, to Newmark.</w:t>
      </w:r>
    </w:p>
    <w:p>
      <w:pPr/>
      <w:r>
        <w:rPr>
          <w:rFonts w:ascii="Helvetica Light" w:hAnsi="Helvetica Light" w:cs="Helvetica Light"/>
          <w:sz w:val="24"/>
          <w:sz-cs w:val="24"/>
        </w:rPr>
        <w:t xml:space="preserve">JF:</w:t>
        <w:tab/>
        <w:t xml:space="preserve">Now Bayreuth was also a camp for Poles?</w:t>
      </w:r>
    </w:p>
    <w:p>
      <w:pPr/>
      <w:r>
        <w:rPr>
          <w:rFonts w:ascii="Helvetica Light" w:hAnsi="Helvetica Light" w:cs="Helvetica Light"/>
          <w:sz w:val="24"/>
          <w:sz-cs w:val="24"/>
        </w:rPr>
        <w:t xml:space="preserve">MT:</w:t>
        <w:tab/>
        <w:t xml:space="preserve">They were all camps.</w:t>
        <w:tab/>
        <w:t xml:space="preserve"/>
      </w:r>
    </w:p>
    <w:p>
      <w:pPr/>
      <w:r>
        <w:rPr>
          <w:rFonts w:ascii="Helvetica Light" w:hAnsi="Helvetica Light" w:cs="Helvetica Light"/>
          <w:sz w:val="24"/>
          <w:sz-cs w:val="24"/>
        </w:rPr>
        <w:t xml:space="preserve">JF:</w:t>
        <w:tab/>
        <w:t xml:space="preserve">But was it for Poles in particular though or...</w:t>
      </w:r>
    </w:p>
    <w:p>
      <w:pPr/>
      <w:r>
        <w:rPr>
          <w:rFonts w:ascii="Helvetica Light" w:hAnsi="Helvetica Light" w:cs="Helvetica Light"/>
          <w:sz w:val="24"/>
          <w:sz-cs w:val="24"/>
        </w:rPr>
        <w:t xml:space="preserve">MT:</w:t>
        <w:tab/>
        <w:t xml:space="preserve">The only place, where there were non-Poles in the camp was Neumark. There were some Russians and there were some French, but all the others-- I never talked to anybody.  But I still donít remember talking to anybody anyway except your immediate barrack surrounding. I donít know if we werenít allowed to go another barrack.  I never was in another barracks, just my own, ever.</w:t>
      </w:r>
    </w:p>
    <w:p>
      <w:pPr/>
      <w:r>
        <w:rPr>
          <w:rFonts w:ascii="Helvetica Light" w:hAnsi="Helvetica Light" w:cs="Helvetica Light"/>
          <w:sz w:val="24"/>
          <w:sz-cs w:val="24"/>
        </w:rPr>
        <w:t xml:space="preserve">JF:</w:t>
        <w:tab/>
        <w:t xml:space="preserve">The people who were in the camps that you are describing were primarily refugees? They were not political?</w:t>
      </w:r>
    </w:p>
    <w:p>
      <w:pPr/>
      <w:r>
        <w:rPr>
          <w:rFonts w:ascii="Helvetica Light" w:hAnsi="Helvetica Light" w:cs="Helvetica Light"/>
          <w:sz w:val="24"/>
          <w:sz-cs w:val="24"/>
        </w:rPr>
        <w:t xml:space="preserve">MT:</w:t>
        <w:tab/>
        <w:t xml:space="preserve">No, they were all political but they were trying not to be labeled as political.</w:t>
      </w:r>
    </w:p>
    <w:p>
      <w:pPr/>
      <w:r>
        <w:rPr>
          <w:rFonts w:ascii="Helvetica Light" w:hAnsi="Helvetica Light" w:cs="Helvetica Light"/>
          <w:sz w:val="24"/>
          <w:sz-cs w:val="24"/>
        </w:rPr>
        <w:t xml:space="preserve">JF:</w:t>
        <w:tab/>
        <w:t xml:space="preserve">Okay. The Jews were not in these camps, or Gypsies.</w:t>
      </w:r>
    </w:p>
    <w:p>
      <w:pPr/>
      <w:r>
        <w:rPr>
          <w:rFonts w:ascii="Helvetica Light" w:hAnsi="Helvetica Light" w:cs="Helvetica Light"/>
          <w:sz w:val="24"/>
          <w:sz-cs w:val="24"/>
        </w:rPr>
        <w:t xml:space="preserve">MT:</w:t>
        <w:tab/>
        <w:t xml:space="preserve">I donít recall. No. No-- where they were-- Gypsies because I would recognize them. Jews, I would not recognize them as such, but I would hear...</w:t>
      </w:r>
    </w:p>
    <w:p>
      <w:pPr/>
      <w:r>
        <w:rPr>
          <w:rFonts w:ascii="Helvetica Light" w:hAnsi="Helvetica Light" w:cs="Helvetica Light"/>
          <w:sz w:val="24"/>
          <w:sz-cs w:val="24"/>
        </w:rPr>
        <w:t xml:space="preserve">JF:</w:t>
        <w:tab/>
        <w:t xml:space="preserve">They would be labeled?</w:t>
      </w:r>
    </w:p>
    <w:p>
      <w:pPr/>
      <w:r>
        <w:rPr>
          <w:rFonts w:ascii="Helvetica Light" w:hAnsi="Helvetica Light" w:cs="Helvetica Light"/>
          <w:sz w:val="24"/>
          <w:sz-cs w:val="24"/>
        </w:rPr>
        <w:t xml:space="preserve">MT:</w:t>
        <w:tab/>
        <w:t xml:space="preserve">In camps, perhaps not. I donít know.</w:t>
      </w:r>
    </w:p>
    <w:p>
      <w:pPr/>
      <w:r>
        <w:rPr>
          <w:rFonts w:ascii="Helvetica Light" w:hAnsi="Helvetica Light" w:cs="Helvetica Light"/>
          <w:sz w:val="24"/>
          <w:sz-cs w:val="24"/>
        </w:rPr>
        <w:t xml:space="preserve">JF:</w:t>
        <w:tab/>
        <w:t xml:space="preserve">You were wearing ìP.î</w:t>
      </w:r>
    </w:p>
    <w:p>
      <w:pPr/>
      <w:r>
        <w:rPr>
          <w:rFonts w:ascii="Helvetica Light" w:hAnsi="Helvetica Light" w:cs="Helvetica Light"/>
          <w:sz w:val="24"/>
          <w:sz-cs w:val="24"/>
        </w:rPr>
        <w:t xml:space="preserve">MT:</w:t>
        <w:tab/>
        <w:t xml:space="preserve">We were wearing "P". That is correct. That is true, I donít remember a Star of David in the camps, none of the camps. I would probably hear Ukrainians use the word, derogatory word "Jew," like "Pole," because that I would recognize and I donít remember anything like that.</w:t>
      </w:r>
    </w:p>
    <w:p>
      <w:pPr/>
      <w:r>
        <w:rPr>
          <w:rFonts w:ascii="Helvetica Light" w:hAnsi="Helvetica Light" w:cs="Helvetica Light"/>
          <w:sz w:val="24"/>
          <w:sz-cs w:val="24"/>
        </w:rPr>
        <w:t xml:space="preserve">JF:</w:t>
        <w:tab/>
        <w:t xml:space="preserve">The Russians and the French that you are describing do you have any idea how they ended up in Germany?</w:t>
      </w:r>
    </w:p>
    <w:p>
      <w:pPr/>
      <w:r>
        <w:rPr>
          <w:rFonts w:ascii="Helvetica Light" w:hAnsi="Helvetica Light" w:cs="Helvetica Light"/>
          <w:sz w:val="24"/>
          <w:sz-cs w:val="24"/>
        </w:rPr>
        <w:t xml:space="preserve">MT:</w:t>
        <w:tab/>
        <w:t xml:space="preserve">I believe that they were deserters, or something, some kind of...</w:t>
      </w:r>
    </w:p>
    <w:p>
      <w:pPr/>
      <w:r>
        <w:rPr>
          <w:rFonts w:ascii="Helvetica Light" w:hAnsi="Helvetica Light" w:cs="Helvetica Light"/>
          <w:sz w:val="24"/>
          <w:sz-cs w:val="24"/>
        </w:rPr>
        <w:t xml:space="preserve">JF:</w:t>
        <w:tab/>
        <w:t xml:space="preserve">But, not prisoners of war? That would have been a separate, totally separate.</w:t>
      </w:r>
    </w:p>
    <w:p>
      <w:pPr/>
      <w:r>
        <w:rPr>
          <w:rFonts w:ascii="Helvetica Light" w:hAnsi="Helvetica Light" w:cs="Helvetica Light"/>
          <w:sz w:val="24"/>
          <w:sz-cs w:val="24"/>
        </w:rPr>
        <w:t xml:space="preserve">MT:</w:t>
        <w:tab/>
        <w:t xml:space="preserve">No, they were like civilians, but some civilians that were not to be trusted, I guess. They were captured civilians, just like us Poles, that they could not trust them on their own.</w:t>
      </w:r>
    </w:p>
    <w:p>
      <w:pPr/>
      <w:r>
        <w:rPr>
          <w:rFonts w:ascii="Helvetica Light" w:hAnsi="Helvetica Light" w:cs="Helvetica Light"/>
          <w:sz w:val="24"/>
          <w:sz-cs w:val="24"/>
        </w:rPr>
        <w:t xml:space="preserve">JF:</w:t>
        <w:tab/>
        <w:t xml:space="preserve">They were in the wrong place at the wrong time.</w:t>
      </w:r>
    </w:p>
    <w:p>
      <w:pPr/>
      <w:r>
        <w:rPr>
          <w:rFonts w:ascii="Helvetica Light" w:hAnsi="Helvetica Light" w:cs="Helvetica Light"/>
          <w:sz w:val="24"/>
          <w:sz-cs w:val="24"/>
        </w:rPr>
        <w:t xml:space="preserve">MT:</w:t>
        <w:tab/>
        <w:t xml:space="preserve">Yes, they didnít want to leave them free, so they had to lock them up, to keep an eye on them.</w:t>
      </w:r>
    </w:p>
    <w:p>
      <w:pPr/>
      <w:r>
        <w:rPr>
          <w:rFonts w:ascii="Helvetica Light" w:hAnsi="Helvetica Light" w:cs="Helvetica Light"/>
          <w:sz w:val="24"/>
          <w:sz-cs w:val="24"/>
        </w:rPr>
        <w:t xml:space="preserve">JF:</w:t>
        <w:tab/>
        <w:t xml:space="preserve">So, the fifth camp, the fifth location that you were in-- you pronounce it N E U M A R K?</w:t>
      </w:r>
    </w:p>
    <w:p>
      <w:pPr/>
      <w:r>
        <w:rPr>
          <w:rFonts w:ascii="Helvetica Light" w:hAnsi="Helvetica Light" w:cs="Helvetica Light"/>
          <w:sz w:val="24"/>
          <w:sz-cs w:val="24"/>
        </w:rPr>
        <w:t xml:space="preserve">MT:</w:t>
        <w:tab/>
        <w:t xml:space="preserve">Yes.</w:t>
      </w:r>
    </w:p>
    <w:p>
      <w:pPr/>
      <w:r>
        <w:rPr>
          <w:rFonts w:ascii="Helvetica Light" w:hAnsi="Helvetica Light" w:cs="Helvetica Light"/>
          <w:sz w:val="24"/>
          <w:sz-cs w:val="24"/>
        </w:rPr>
        <w:t xml:space="preserve">JF:</w:t>
        <w:tab/>
        <w:t xml:space="preserve">Which was where, approximately?</w:t>
      </w:r>
    </w:p>
    <w:p>
      <w:pPr/>
      <w:r>
        <w:rPr>
          <w:rFonts w:ascii="Helvetica Light" w:hAnsi="Helvetica Light" w:cs="Helvetica Light"/>
          <w:sz w:val="24"/>
          <w:sz-cs w:val="24"/>
        </w:rPr>
        <w:t xml:space="preserve">MT:</w:t>
        <w:tab/>
        <w:t xml:space="preserve">In Bavaria, I think.</w:t>
      </w:r>
    </w:p>
    <w:p>
      <w:pPr/>
      <w:r>
        <w:rPr>
          <w:rFonts w:ascii="Helvetica Light" w:hAnsi="Helvetica Light" w:cs="Helvetica Light"/>
          <w:sz w:val="24"/>
          <w:sz-cs w:val="24"/>
        </w:rPr>
        <w:t xml:space="preserve">JF:</w:t>
        <w:tab/>
        <w:t xml:space="preserve">This was in Bavaria?</w:t>
      </w:r>
    </w:p>
    <w:p>
      <w:pPr/>
      <w:r>
        <w:rPr>
          <w:rFonts w:ascii="Helvetica Light" w:hAnsi="Helvetica Light" w:cs="Helvetica Light"/>
          <w:sz w:val="24"/>
          <w:sz-cs w:val="24"/>
        </w:rPr>
        <w:t xml:space="preserve">MT:</w:t>
        <w:tab/>
        <w:t xml:space="preserve">I think. Neumark. I am not sure,  but in that camp I was a woman. That I labeled myself. I think I heard my parents talk about that. I had to go to work with my mother until before the war ended. Then I went with my older brother and father to work. Men were men and any male below 12 was a woman, went to work with the women.</w:t>
      </w:r>
    </w:p>
    <w:p>
      <w:pPr/>
      <w:r>
        <w:rPr>
          <w:rFonts w:ascii="Helvetica Light" w:hAnsi="Helvetica Light" w:cs="Helvetica Light"/>
          <w:sz w:val="24"/>
          <w:sz-cs w:val="24"/>
        </w:rPr>
        <w:t xml:space="preserve">JF:</w:t>
        <w:tab/>
        <w:t xml:space="preserve">This is your label?</w:t>
      </w:r>
    </w:p>
    <w:p>
      <w:pPr/>
      <w:r>
        <w:rPr>
          <w:rFonts w:ascii="Helvetica Light" w:hAnsi="Helvetica Light" w:cs="Helvetica Light"/>
          <w:sz w:val="24"/>
          <w:sz-cs w:val="24"/>
        </w:rPr>
        <w:t xml:space="preserve">MT:</w:t>
        <w:tab/>
        <w:t xml:space="preserve">That is my label because I was not allowed to go with men to work, and there were no children, so we went with women.</w:t>
      </w:r>
    </w:p>
    <w:p>
      <w:pPr/>
      <w:r>
        <w:rPr>
          <w:rFonts w:ascii="Helvetica Light" w:hAnsi="Helvetica Light" w:cs="Helvetica Light"/>
          <w:sz w:val="24"/>
          <w:sz-cs w:val="24"/>
        </w:rPr>
        <w:t xml:space="preserve">JF:</w:t>
        <w:tab/>
        <w:t xml:space="preserve">How did you feel? With that separation?</w:t>
      </w:r>
    </w:p>
    <w:p>
      <w:pPr/>
      <w:r>
        <w:rPr>
          <w:rFonts w:ascii="Helvetica Light" w:hAnsi="Helvetica Light" w:cs="Helvetica Light"/>
          <w:sz w:val="24"/>
          <w:sz-cs w:val="24"/>
        </w:rPr>
        <w:t xml:space="preserve">MT:</w:t>
        <w:tab/>
        <w:t xml:space="preserve">There I felt very bad, because I loved my father. I loved my brother and I loved my mother, but I felt that I am, even within our own group, that I am something not right. I canít go with my brother, and I canít stick to my father. I am forced to be with my mother and I donít know-- just felt that I just donít fit into this worldís puzzle. Like there is something wrong with me, something terribly wrong. I didnít realize that I was actually lucky that I wasnít able to be used fully yet.</w:t>
      </w:r>
    </w:p>
    <w:p>
      <w:pPr/>
      <w:r>
        <w:rPr>
          <w:rFonts w:ascii="Helvetica Light" w:hAnsi="Helvetica Light" w:cs="Helvetica Light"/>
          <w:sz w:val="24"/>
          <w:sz-cs w:val="24"/>
        </w:rPr>
        <w:t xml:space="preserve">JF:</w:t>
        <w:tab/>
        <w:t xml:space="preserve">You understood the technical cutoff of the age of 12?</w:t>
      </w:r>
    </w:p>
    <w:p>
      <w:pPr/>
      <w:r>
        <w:rPr>
          <w:rFonts w:ascii="Helvetica Light" w:hAnsi="Helvetica Light" w:cs="Helvetica Light"/>
          <w:sz w:val="24"/>
          <w:sz-cs w:val="24"/>
        </w:rPr>
        <w:t xml:space="preserve">MT:</w:t>
        <w:tab/>
        <w:t xml:space="preserve">Yes.</w:t>
      </w:r>
    </w:p>
    <w:p>
      <w:pPr/>
      <w:r>
        <w:rPr>
          <w:rFonts w:ascii="Helvetica Light" w:hAnsi="Helvetica Light" w:cs="Helvetica Light"/>
          <w:sz w:val="24"/>
          <w:sz-cs w:val="24"/>
        </w:rPr>
        <w:t xml:space="preserve">JF: </w:t>
        <w:tab/>
        <w:t xml:space="preserve">But the feeling of working with the women and not being identified with the male side... </w:t>
      </w:r>
    </w:p>
    <w:p>
      <w:pPr/>
      <w:r>
        <w:rPr>
          <w:rFonts w:ascii="Helvetica Light" w:hAnsi="Helvetica Light" w:cs="Helvetica Light"/>
          <w:sz w:val="24"/>
          <w:sz-cs w:val="24"/>
        </w:rPr>
        <w:t xml:space="preserve">MT:</w:t>
        <w:tab/>
        <w:t xml:space="preserve">It wasn't that much. It was my own feeling of what is wrong with me. What is actually wrong with me? I understand that I am not quite 12 but I am capable, I am the same size as my brother; I am capable of doing the same thing. It was actually false man's ego, I think; I wanted to do more.  Isnít that something?</w:t>
      </w:r>
    </w:p>
    <w:p>
      <w:pPr/>
      <w:r>
        <w:rPr>
          <w:rFonts w:ascii="Helvetica Light" w:hAnsi="Helvetica Light" w:cs="Helvetica Light"/>
          <w:sz w:val="24"/>
          <w:sz-cs w:val="24"/>
        </w:rPr>
        <w:t xml:space="preserve">JF:</w:t>
        <w:tab/>
        <w:t xml:space="preserve">So you felt that you should have been picked anyway, that the age was an irrelevant issue, that somehow they had not chosen you to go with the men?</w:t>
      </w:r>
    </w:p>
    <w:p>
      <w:pPr/>
      <w:r>
        <w:rPr>
          <w:rFonts w:ascii="Helvetica Light" w:hAnsi="Helvetica Light" w:cs="Helvetica Light"/>
          <w:sz w:val="24"/>
          <w:sz-cs w:val="24"/>
        </w:rPr>
        <w:t xml:space="preserve">MT:</w:t>
        <w:tab/>
        <w:t xml:space="preserve">Yes, that I am with women.</w:t>
      </w:r>
    </w:p>
    <w:p>
      <w:pPr/>
      <w:r>
        <w:rPr>
          <w:rFonts w:ascii="Helvetica Light" w:hAnsi="Helvetica Light" w:cs="Helvetica Light"/>
          <w:sz w:val="24"/>
          <w:sz-cs w:val="24"/>
        </w:rPr>
        <w:t xml:space="preserve">JF:</w:t>
        <w:tab/>
        <w:t xml:space="preserve">What kind of work were you doing with your mother?</w:t>
      </w:r>
    </w:p>
    <w:p>
      <w:pPr/>
      <w:r>
        <w:rPr>
          <w:rFonts w:ascii="Helvetica Light" w:hAnsi="Helvetica Light" w:cs="Helvetica Light"/>
          <w:sz w:val="24"/>
          <w:sz-cs w:val="24"/>
        </w:rPr>
        <w:t xml:space="preserve">MT:</w:t>
        <w:tab/>
        <w:t xml:space="preserve">It was mostly gathering wood for kitchen. They would not allow us to work in the kitchens because then we would grab some food.</w:t>
      </w:r>
    </w:p>
    <w:p>
      <w:pPr/>
      <w:r>
        <w:rPr>
          <w:rFonts w:ascii="Helvetica Light" w:hAnsi="Helvetica Light" w:cs="Helvetica Light"/>
          <w:sz w:val="24"/>
          <w:sz-cs w:val="24"/>
        </w:rPr>
        <w:t xml:space="preserve">JF:</w:t>
        <w:tab/>
        <w:t xml:space="preserve">Did you feel that the work was beneath your abilities, you know, beneath your strength?</w:t>
      </w:r>
    </w:p>
    <w:p>
      <w:pPr/>
      <w:r>
        <w:rPr>
          <w:rFonts w:ascii="Helvetica Light" w:hAnsi="Helvetica Light" w:cs="Helvetica Light"/>
          <w:sz w:val="24"/>
          <w:sz-cs w:val="24"/>
        </w:rPr>
        <w:t xml:space="preserve">MT:</w:t>
        <w:tab/>
        <w:t xml:space="preserve">No, there was-- actually work was hard.</w:t>
      </w:r>
    </w:p>
    <w:p>
      <w:pPr/>
      <w:r>
        <w:rPr>
          <w:rFonts w:ascii="Helvetica Light" w:hAnsi="Helvetica Light" w:cs="Helvetica Light"/>
          <w:sz w:val="24"/>
          <w:sz-cs w:val="24"/>
        </w:rPr>
        <w:t xml:space="preserve">JF:</w:t>
        <w:tab/>
        <w:t xml:space="preserve">The work was still hard?</w:t>
      </w:r>
    </w:p>
    <w:p>
      <w:pPr/>
      <w:r>
        <w:rPr>
          <w:rFonts w:ascii="Helvetica Light" w:hAnsi="Helvetica Light" w:cs="Helvetica Light"/>
          <w:sz w:val="24"/>
          <w:sz-cs w:val="24"/>
        </w:rPr>
        <w:t xml:space="preserve">MT:</w:t>
        <w:tab/>
        <w:t xml:space="preserve">It was very hard and I remember one incident that is deeply buried in my mind. It was very snowy. For some reason it was always snowing. Always cold. We went out into woods, again Ukrainian guards, no guns, just with big sticks, night sticks. Each guard had two people, or something like that, to watch. We went into woods, to pick woods, to gather them up, make big bundle, put in on your shoulders and bring it back. They tell you when the bundle is big enough. Prior to that, airplanes went by and there were some leaflets dropped. God help you if you touched a leaflet! Somehow, somebody managed to bring one back to camp, and the word went around about what was happening in the world. I had no socks. I had some kind of shoes. Snow was up to my knee, cutting, going up the mountain. I told my mother that my feet are freezing. She said, "Take off your shoes and start rubbing them with the snow, your feet." First she went up to help me and he yelled terribly, so we had to separate, but then she said, "Don't forget. Rub your feet with snow." I did that and my feet started to freeze up to my ankles, hot ankles, up to my knees. They started losing the feel of it, and I remember my mother started again rubbing it. She ripped off part of her dress and wrapped it around my feet and told me to stick my feet with that stuff into the shoes. She took my load of wood on her back and the jerk ran  up and knocked her down and told me to carry mine and she is to carry her own. "What do you think this is?"</w:t>
      </w:r>
    </w:p>
    <w:p>
      <w:pPr/>
      <w:r>
        <w:rPr>
          <w:rFonts w:ascii="Helvetica Light" w:hAnsi="Helvetica Light" w:cs="Helvetica Light"/>
          <w:sz w:val="24"/>
          <w:sz-cs w:val="24"/>
        </w:rPr>
        <w:t xml:space="preserve">JF:</w:t>
        <w:tab/>
        <w:t xml:space="preserve">This was the Ukrainian guard?</w:t>
      </w:r>
    </w:p>
    <w:p>
      <w:pPr/>
      <w:r>
        <w:rPr>
          <w:rFonts w:ascii="Helvetica Light" w:hAnsi="Helvetica Light" w:cs="Helvetica Light"/>
          <w:sz w:val="24"/>
          <w:sz-cs w:val="24"/>
        </w:rPr>
        <w:t xml:space="preserve">MT:</w:t>
        <w:tab/>
        <w:t xml:space="preserve">Yes. Then we get to the gate, close to the camp, then the siren blows. Air raid. Who cares? An air raid would probably liberate us from the whole thing. You are not allowed to go back into barrack. You have to crawl into the very ugly hole they have in the ground. It was probably about 8 feet, six, seven feet deep and about 4 or 5 feet wide, just like a ditch, with some lumber on top, some cut wood on top and some dirt thrown on it, full of water, mud. When you get in it you are in mud up to your knees again. Terrible. They chase us in there. [unclear] My mother says, "When I give you the signal, you run for the barrack." I said, "But what about you?" "I'll take care of myself." So she started arguing with the Ukrainian. "He says, "I guess my cane didn't hit you in the back yet," and she says, "It's not going to," So then he started swinging at her, and she says, "Run!" and I started to run. Then he realized what we were doing. He wasn't allowed to run in the yard, either, because there was an air raid. So he takes the stick and he throws it like they used to get rabbits in Europe.</w:t>
      </w:r>
    </w:p>
    <w:p>
      <w:pPr/>
      <w:r>
        <w:rPr>
          <w:rFonts w:ascii="Helvetica Light" w:hAnsi="Helvetica Light" w:cs="Helvetica Light"/>
          <w:sz w:val="24"/>
          <w:sz-cs w:val="24"/>
        </w:rPr>
        <w:t xml:space="preserve">JF:</w:t>
        <w:tab/>
        <w:t xml:space="preserve">The stick would move in a circular motion?</w:t>
      </w:r>
    </w:p>
    <w:p>
      <w:pPr/>
      <w:r>
        <w:rPr>
          <w:rFonts w:ascii="Helvetica Light" w:hAnsi="Helvetica Light" w:cs="Helvetica Light"/>
          <w:sz w:val="24"/>
          <w:sz-cs w:val="24"/>
        </w:rPr>
        <w:t xml:space="preserve">MT:</w:t>
        <w:tab/>
        <w:t xml:space="preserve">Yes, so you can get somebody like that. Well, I ducked, and it went over me. He was a good thrower, you know. He had strength. And I dove into the barrack and I crawled into a corner under my pritcha, under my bed, and I just stayed there.</w:t>
      </w:r>
    </w:p>
    <w:p>
      <w:pPr/>
      <w:r>
        <w:rPr>
          <w:rFonts w:ascii="Helvetica Light" w:hAnsi="Helvetica Light" w:cs="Helvetica Light"/>
          <w:sz w:val="24"/>
          <w:sz-cs w:val="24"/>
        </w:rPr>
        <w:t xml:space="preserve">JF:</w:t>
        <w:tab/>
        <w:t xml:space="preserve">Shaking?</w:t>
      </w:r>
    </w:p>
    <w:p>
      <w:pPr/>
      <w:r>
        <w:rPr>
          <w:rFonts w:ascii="Helvetica Light" w:hAnsi="Helvetica Light" w:cs="Helvetica Light"/>
          <w:sz w:val="24"/>
          <w:sz-cs w:val="24"/>
        </w:rPr>
        <w:t xml:space="preserve">MT:</w:t>
        <w:tab/>
        <w:t xml:space="preserve">There was no heat in the barracks either, or whatever. Well, after a while, my mother came in, everybody came back. He was looking for me and my mother told me not to get out from under the bed. He was looking, I guess for me, to do something to me also. From then on I always experience problems with my feet, when it gets cold. In wintertime, summertime, it's okay, but in the wintertime I start getting this problem.</w:t>
      </w:r>
    </w:p>
    <w:p>
      <w:pPr/>
      <w:r>
        <w:rPr>
          <w:rFonts w:ascii="Helvetica Light" w:hAnsi="Helvetica Light" w:cs="Helvetica Light"/>
          <w:sz w:val="24"/>
          <w:sz-cs w:val="24"/>
        </w:rPr>
        <w:t xml:space="preserve">JF:</w:t>
        <w:tab/>
        <w:t xml:space="preserve">What kind of problem? Pain?</w:t>
      </w:r>
    </w:p>
    <w:p>
      <w:pPr/>
      <w:r>
        <w:rPr>
          <w:rFonts w:ascii="Helvetica Light" w:hAnsi="Helvetica Light" w:cs="Helvetica Light"/>
          <w:sz w:val="24"/>
          <w:sz-cs w:val="24"/>
        </w:rPr>
        <w:t xml:space="preserve">MT:</w:t>
        <w:tab/>
        <w:t xml:space="preserve">No, my, it like itches, my skin starts cracking and I have some kind of skin problem I guess.</w:t>
      </w:r>
    </w:p>
    <w:p>
      <w:pPr/>
      <w:r>
        <w:rPr>
          <w:rFonts w:ascii="Helvetica Light" w:hAnsi="Helvetica Light" w:cs="Helvetica Light"/>
          <w:sz w:val="24"/>
          <w:sz-cs w:val="24"/>
        </w:rPr>
        <w:t xml:space="preserve">JF:</w:t>
        <w:tab/>
        <w:t xml:space="preserve"> A skin problem, primarily, with your feet?</w:t>
      </w:r>
    </w:p>
    <w:p>
      <w:pPr/>
      <w:r>
        <w:rPr>
          <w:rFonts w:ascii="Helvetica Light" w:hAnsi="Helvetica Light" w:cs="Helvetica Light"/>
          <w:sz w:val="24"/>
          <w:sz-cs w:val="24"/>
        </w:rPr>
        <w:t xml:space="preserve">MT:</w:t>
        <w:tab/>
        <w:t xml:space="preserve">In summertime it's okay, but in the wintertime when it starts getting cold, and then it gets pain, like I get cold, like at work, I can be sitting and everybody is warm, and I start feeling this cold all the way up to my knees. This cold, real cold. At home when I sleep in the wintertime I have to put socks on. In the summertime I am okay. Maybe it's psychological, or something. But it is giving me some pain.</w:t>
      </w:r>
    </w:p>
    <w:p>
      <w:pPr/>
      <w:r>
        <w:rPr>
          <w:rFonts w:ascii="Helvetica Light" w:hAnsi="Helvetica Light" w:cs="Helvetica Light"/>
          <w:sz w:val="24"/>
          <w:sz-cs w:val="24"/>
        </w:rPr>
        <w:t xml:space="preserve">JF:</w:t>
        <w:tab/>
        <w:t xml:space="preserve">Were you ever punished for escaping from the line like that, at that time?</w:t>
      </w:r>
    </w:p>
    <w:p>
      <w:pPr/>
      <w:r>
        <w:rPr>
          <w:rFonts w:ascii="Helvetica Light" w:hAnsi="Helvetica Light" w:cs="Helvetica Light"/>
          <w:sz w:val="24"/>
          <w:sz-cs w:val="24"/>
        </w:rPr>
        <w:t xml:space="preserve">MT:</w:t>
        <w:tab/>
        <w:t xml:space="preserve">No, not really that I remember. The worse thing that I would get was a good kick. And then you would fly. But that was no punishment. For some reason I never cried. Never experienced any-- or showed anything that would make my parents' day worse. I never asked for food, or asked for anything.</w:t>
      </w:r>
    </w:p>
    <w:p>
      <w:pPr/>
      <w:r>
        <w:rPr>
          <w:rFonts w:ascii="Helvetica Light" w:hAnsi="Helvetica Light" w:cs="Helvetica Light"/>
          <w:sz w:val="24"/>
          <w:sz-cs w:val="24"/>
        </w:rPr>
        <w:t xml:space="preserve">JF:</w:t>
        <w:tab/>
        <w:t xml:space="preserve">You never showed anything that made your parent's day worse? Were you feeling it, or did you have to push down those feelings at that time?</w:t>
      </w:r>
    </w:p>
    <w:p>
      <w:pPr/>
      <w:r>
        <w:rPr>
          <w:rFonts w:ascii="Helvetica Light" w:hAnsi="Helvetica Light" w:cs="Helvetica Light"/>
          <w:sz w:val="24"/>
          <w:sz-cs w:val="24"/>
        </w:rPr>
        <w:t xml:space="preserve">MT:</w:t>
        <w:tab/>
        <w:t xml:space="preserve">I guess you always feel it. [Long pause] You try not to. Knowing that actually by doing so you would hurt more your parents.</w:t>
      </w:r>
    </w:p>
    <w:p>
      <w:pPr/>
      <w:r>
        <w:rPr>
          <w:rFonts w:ascii="Helvetica Light" w:hAnsi="Helvetica Light" w:cs="Helvetica Light"/>
          <w:sz w:val="24"/>
          <w:sz-cs w:val="24"/>
        </w:rPr>
        <w:t xml:space="preserve">JF:</w:t>
        <w:tab/>
        <w:t xml:space="preserve">You were trying to protect them from more hurt?</w:t>
      </w:r>
    </w:p>
    <w:p>
      <w:pPr/>
      <w:r>
        <w:rPr>
          <w:rFonts w:ascii="Helvetica Light" w:hAnsi="Helvetica Light" w:cs="Helvetica Light"/>
          <w:sz w:val="24"/>
          <w:sz-cs w:val="24"/>
        </w:rPr>
        <w:t xml:space="preserve">MT:</w:t>
        <w:tab/>
        <w:t xml:space="preserve">You were trying to be a super adult and it's unreal. It's hard to become an adult at such and early age.</w:t>
      </w:r>
    </w:p>
    <w:p>
      <w:pPr/>
      <w:r>
        <w:rPr>
          <w:rFonts w:ascii="Helvetica Light" w:hAnsi="Helvetica Light" w:cs="Helvetica Light"/>
          <w:sz w:val="24"/>
          <w:sz-cs w:val="24"/>
        </w:rPr>
        <w:t xml:space="preserve">JF:</w:t>
        <w:tab/>
        <w:t xml:space="preserve">You didn't have much opportunity to be a kid?</w:t>
      </w:r>
    </w:p>
    <w:p>
      <w:pPr/>
      <w:r>
        <w:rPr>
          <w:rFonts w:ascii="Helvetica Light" w:hAnsi="Helvetica Light" w:cs="Helvetica Light"/>
          <w:sz w:val="24"/>
          <w:sz-cs w:val="24"/>
        </w:rPr>
        <w:t xml:space="preserve">MT:</w:t>
        <w:tab/>
        <w:t xml:space="preserve">No, but I actually don't miss it too much except when my kids are going through something now at school. Parties or something, dances, I want them so badly to participate in it. I want to have so much fun in everything they do. I want them to experience their time in life. I'm telling-- often I tell them, "Don't watch that TV. That has nothing to do with you." That soaps or something, like my daughter would be watching. "That's way over your head. Over your age. Why don't you live your own age, because before you know it, it is gone and you will miss that. Don't get involved in that. Live your own time, your own age." So actually, I am very conscious of somebody being young and enjoying it, but I don't really know what it is. To be honest, I don't miss that. I don't think I miss it. I want somebody else to have it.</w:t>
      </w:r>
    </w:p>
    <w:p>
      <w:pPr/>
      <w:r>
        <w:rPr>
          <w:rFonts w:ascii="Helvetica Light" w:hAnsi="Helvetica Light" w:cs="Helvetica Light"/>
          <w:sz w:val="24"/>
          <w:sz-cs w:val="24"/>
        </w:rPr>
        <w:t xml:space="preserve">JF:</w:t>
        <w:tab/>
        <w:t xml:space="preserve">When you were in this camp, was there any opportunity, with your brothers or with any other boys of your own age, to do anything you would have done outside the camp? To have talked, to have joked, to have shared any kind of child-like experience? Was there any escape among you?</w:t>
      </w:r>
    </w:p>
    <w:p>
      <w:pPr/>
      <w:r>
        <w:rPr>
          <w:rFonts w:ascii="Helvetica Light" w:hAnsi="Helvetica Light" w:cs="Helvetica Light"/>
          <w:sz w:val="24"/>
          <w:sz-cs w:val="24"/>
        </w:rPr>
        <w:t xml:space="preserve">MT:</w:t>
        <w:tab/>
        <w:t xml:space="preserve">No, there was no such thing. That's the whole thing. There was no such thing. Not even making a ball out of a rag or something. There was no such thing as playing. I don't know why there wasn't. I know why, because it wasn't to be. But nobody even tried, because I think that everybody sensed and felt and knew the terrible thing we were in. And you tried to pitch in and not make it any worse. People were hungry, and you don't want to cry because some did. Some kids would cry that, "Mother, you ate more than we did," when she would get something. And that, to me at that time, it was terrible. How could they say that? She was a woman and she needs to eat. I couldn't say that and I didn't ever want to say it. I told myself that I would never say it. So, you tried not to. The food that they gave us was terrible.</w:t>
      </w:r>
    </w:p>
    <w:p>
      <w:pPr/>
      <w:r>
        <w:rPr>
          <w:rFonts w:ascii="Helvetica Light" w:hAnsi="Helvetica Light" w:cs="Helvetica Light"/>
          <w:sz w:val="24"/>
          <w:sz-cs w:val="24"/>
        </w:rPr>
        <w:t xml:space="preserve">JF:</w:t>
        <w:tab/>
        <w:t xml:space="preserve">Were you living there still with your father and brother, even though you were in separate work details?</w:t>
      </w:r>
    </w:p>
    <w:p>
      <w:pPr/>
      <w:r>
        <w:rPr>
          <w:rFonts w:ascii="Helvetica Light" w:hAnsi="Helvetica Light" w:cs="Helvetica Light"/>
          <w:sz w:val="24"/>
          <w:sz-cs w:val="24"/>
        </w:rPr>
        <w:t xml:space="preserve">MT:</w:t>
        <w:tab/>
        <w:t xml:space="preserve">Yes, yes, we were all living-- but that's true, just at night we would see each other. We didn't see each other all day. There was nothing to eat. That's the sad part of it. It was terrible. That was the worst that I remember.</w:t>
      </w:r>
    </w:p>
    <w:p>
      <w:pPr/>
      <w:r>
        <w:rPr>
          <w:rFonts w:ascii="Helvetica Light" w:hAnsi="Helvetica Light" w:cs="Helvetica Light"/>
          <w:sz w:val="24"/>
          <w:sz-cs w:val="24"/>
        </w:rPr>
        <w:t xml:space="preserve">JF:</w:t>
        <w:tab/>
        <w:t xml:space="preserve">Food was the worst?</w:t>
      </w:r>
    </w:p>
    <w:p>
      <w:pPr/>
      <w:r>
        <w:rPr>
          <w:rFonts w:ascii="Helvetica Light" w:hAnsi="Helvetica Light" w:cs="Helvetica Light"/>
          <w:sz w:val="24"/>
          <w:sz-cs w:val="24"/>
        </w:rPr>
        <w:t xml:space="preserve"/>
        <w:tab/>
        <w:t xml:space="preserve">MT:</w:t>
        <w:tab/>
        <w:t xml:space="preserve">The worst camp period the attitude, everything was just terrible. Adults would ask for food and they said, "You need food?" and they would call us stinking Polacks, the Ukrainians. </w:t>
      </w:r>
    </w:p>
    <w:p>
      <w:pPr/>
      <w:r>
        <w:rPr>
          <w:rFonts w:ascii="Helvetica Light" w:hAnsi="Helvetica Light" w:cs="Helvetica Light"/>
          <w:sz w:val="24"/>
          <w:sz-cs w:val="24"/>
        </w:rPr>
        <w:t xml:space="preserve">JF:</w:t>
        <w:tab/>
        <w:t xml:space="preserve">Was there any effort that you know of to try to form some resistance in the camp, or escape?</w:t>
      </w:r>
    </w:p>
    <w:p>
      <w:pPr/>
      <w:r>
        <w:rPr>
          <w:rFonts w:ascii="Helvetica Light" w:hAnsi="Helvetica Light" w:cs="Helvetica Light"/>
          <w:sz w:val="24"/>
          <w:sz-cs w:val="24"/>
        </w:rPr>
        <w:t xml:space="preserve">MT:</w:t>
        <w:tab/>
        <w:t xml:space="preserve">There was actually, probably it was even actually played down. There was no escape once you were deep into the enemy's territory. It would have actually have been the worst thing.</w:t>
      </w:r>
    </w:p>
    <w:p>
      <w:pPr/>
      <w:r>
        <w:rPr>
          <w:rFonts w:ascii="Helvetica Light" w:hAnsi="Helvetica Light" w:cs="Helvetica Light"/>
          <w:sz w:val="24"/>
          <w:sz-cs w:val="24"/>
        </w:rPr>
        <w:t xml:space="preserve">JF:</w:t>
        <w:tab/>
        <w:t xml:space="preserve">It would have been very dangerous.</w:t>
      </w:r>
    </w:p>
    <w:p>
      <w:pPr/>
      <w:r>
        <w:rPr>
          <w:rFonts w:ascii="Helvetica Light" w:hAnsi="Helvetica Light" w:cs="Helvetica Light"/>
          <w:sz w:val="24"/>
          <w:sz-cs w:val="24"/>
        </w:rPr>
        <w:t xml:space="preserve">MT:</w:t>
        <w:tab/>
        <w:t xml:space="preserve">No, because later on I became, I guess 12, and was capable, or allowed to go with my brother to clean out, after bombing, the men would be sent to town to clean up the place and take unexploded bombs-- some things did not explode and the Germans would hide far away and the Ukies, and tell you where to dig a hole, where to carry the bomb, where to put it in, drop it in-- the men would try to put it in carefully, slowly, and then mark it, mark the place. But it was all walking-- was not somebody takes you.  You walk to town, you walk back. You carried those bombs around and you don't bury them in the center of the city. You took them far outside the city and bury them.</w:t>
      </w:r>
    </w:p>
    <w:p>
      <w:pPr/>
      <w:r>
        <w:rPr>
          <w:rFonts w:ascii="Helvetica Light" w:hAnsi="Helvetica Light" w:cs="Helvetica Light"/>
          <w:sz w:val="24"/>
          <w:sz-cs w:val="24"/>
        </w:rPr>
        <w:t xml:space="preserve">JF:</w:t>
        <w:tab/>
        <w:t xml:space="preserve">This is when you were working with the men?</w:t>
      </w:r>
    </w:p>
    <w:p>
      <w:pPr/>
      <w:r>
        <w:rPr>
          <w:rFonts w:ascii="Helvetica Light" w:hAnsi="Helvetica Light" w:cs="Helvetica Light"/>
          <w:sz w:val="24"/>
          <w:sz-cs w:val="24"/>
        </w:rPr>
        <w:t xml:space="preserve">MT:</w:t>
        <w:tab/>
        <w:t xml:space="preserve">So what I am saying is that escape was not even thought of, because there were the Hitlerjugend. They were young children. They would chase us because my father would try to tell us a few words in German, Knochen. We would buy Knochen, bones, Blutwurst.</w:t>
      </w:r>
    </w:p>
    <w:p>
      <w:pPr/>
      <w:r>
        <w:rPr>
          <w:rFonts w:ascii="Helvetica Light" w:hAnsi="Helvetica Light" w:cs="Helvetica Light"/>
          <w:sz w:val="24"/>
          <w:sz-cs w:val="24"/>
        </w:rPr>
        <w:t xml:space="preserve">JF:</w:t>
        <w:tab/>
        <w:t xml:space="preserve">You could buy bones?</w:t>
      </w:r>
    </w:p>
    <w:p>
      <w:pPr/>
      <w:r>
        <w:rPr>
          <w:rFonts w:ascii="Helvetica Light" w:hAnsi="Helvetica Light" w:cs="Helvetica Light"/>
          <w:sz w:val="24"/>
          <w:sz-cs w:val="24"/>
        </w:rPr>
        <w:t xml:space="preserve">MT:</w:t>
        <w:tab/>
        <w:t xml:space="preserve">We had money.</w:t>
      </w:r>
    </w:p>
    <w:p>
      <w:pPr/>
      <w:r>
        <w:rPr>
          <w:rFonts w:ascii="Helvetica Light" w:hAnsi="Helvetica Light" w:cs="Helvetica Light"/>
          <w:sz w:val="24"/>
          <w:sz-cs w:val="24"/>
        </w:rPr>
        <w:t xml:space="preserve">JF:</w:t>
        <w:tab/>
        <w:t xml:space="preserve">And you were allowed to spend it?</w:t>
      </w:r>
    </w:p>
    <w:p>
      <w:pPr/>
      <w:r>
        <w:rPr>
          <w:rFonts w:ascii="Helvetica Light" w:hAnsi="Helvetica Light" w:cs="Helvetica Light"/>
          <w:sz w:val="24"/>
          <w:sz-cs w:val="24"/>
        </w:rPr>
        <w:t xml:space="preserve">MT:</w:t>
        <w:tab/>
        <w:t xml:space="preserve">My father would say, "Go try the butcher shop and maybe he will sell you some bones."</w:t>
      </w:r>
    </w:p>
    <w:p>
      <w:pPr/>
      <w:r>
        <w:rPr>
          <w:rFonts w:ascii="Helvetica Light" w:hAnsi="Helvetica Light" w:cs="Helvetica Light"/>
          <w:sz w:val="24"/>
          <w:sz-cs w:val="24"/>
        </w:rPr>
        <w:t xml:space="preserve">JF:</w:t>
        <w:tab/>
        <w:t xml:space="preserve">And you were allowed to do that?</w:t>
      </w:r>
    </w:p>
    <w:p>
      <w:pPr/>
      <w:r>
        <w:rPr>
          <w:rFonts w:ascii="Helvetica Light" w:hAnsi="Helvetica Light" w:cs="Helvetica Light"/>
          <w:sz w:val="24"/>
          <w:sz-cs w:val="24"/>
        </w:rPr>
        <w:t xml:space="preserve">MT:</w:t>
        <w:tab/>
        <w:t xml:space="preserve">No, you would have to break away from that-- but as a kid it was no big deal, because kids are sneaks and they can always-- they, I guess, don't pay attention too much to the adults they watch. So we would break away. But here we had this so we would try to hide that.</w:t>
      </w:r>
    </w:p>
    <w:p>
      <w:pPr/>
      <w:r>
        <w:rPr>
          <w:rFonts w:ascii="Helvetica Light" w:hAnsi="Helvetica Light" w:cs="Helvetica Light"/>
          <w:sz w:val="24"/>
          <w:sz-cs w:val="24"/>
        </w:rPr>
        <w:t xml:space="preserve">JF:</w:t>
        <w:tab/>
        <w:t xml:space="preserve">Try to hide the [unclear].</w:t>
      </w:r>
    </w:p>
    <w:p>
      <w:pPr/>
      <w:r>
        <w:rPr>
          <w:rFonts w:ascii="Helvetica Light" w:hAnsi="Helvetica Light" w:cs="Helvetica Light"/>
          <w:sz w:val="24"/>
          <w:sz-cs w:val="24"/>
        </w:rPr>
        <w:t xml:space="preserve">MT:</w:t>
        <w:tab/>
        <w:t xml:space="preserve">And of course we looked like scrounges, like bums from the worst.  I mean we never washed our clothes or anything. Whatever we had was with us.</w:t>
      </w:r>
    </w:p>
    <w:p>
      <w:pPr/>
      <w:r>
        <w:rPr>
          <w:rFonts w:ascii="Helvetica Light" w:hAnsi="Helvetica Light" w:cs="Helvetica Light"/>
          <w:sz w:val="24"/>
          <w:sz-cs w:val="24"/>
        </w:rPr>
        <w:t xml:space="preserve">JF:</w:t>
        <w:tab/>
        <w:t xml:space="preserve">You were wearing your own clothes during all this time?</w:t>
      </w:r>
    </w:p>
    <w:p>
      <w:pPr/>
      <w:r>
        <w:rPr>
          <w:rFonts w:ascii="Helvetica Light" w:hAnsi="Helvetica Light" w:cs="Helvetica Light"/>
          <w:sz w:val="24"/>
          <w:sz-cs w:val="24"/>
        </w:rPr>
        <w:t xml:space="preserve">MT:</w:t>
        <w:tab/>
        <w:t xml:space="preserve">Yes, whatever it was that we had, yes. I would go-- my brother was older, I would hold the door to the butcher shop, first we would look to see if there were any people there. If there was too many people, don't try to get in because you are in trouble. But if there's only one person or maybe nobody, just the butcher, I open the door and hold it there. He walks in. Knochen, and if the guy doesn't yell, then I come in also.  If he yells and the door is open then he runs out like a dog. If he says something, whatever he says, probably "Just a minute," he would take out, would not even put it in a bag just throw a couple of bones to us. I guess he had to be careful. So we would hide the bones under the shirt. It was Knochen. Then I go in. Of course when I opened the door I was hiding. He comes out, "Yes, I got some." Then I go in. Knochen. He gives me a bone. Then my brother messes up his hair.  Goes in Knochen.</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br w:type="page"/>
        <w:t xml:space="preserve"/>
        <w:br w:type="page"/>
        <w:t xml:space="preserve">Tape four, side one:</w:t>
      </w:r>
    </w:p>
    <w:p>
      <w:pPr/>
      <w:r>
        <w:rPr>
          <w:rFonts w:ascii="Helvetica Light" w:hAnsi="Helvetica Light" w:cs="Helvetica Light"/>
          <w:sz w:val="24"/>
          <w:sz-cs w:val="24"/>
        </w:rPr>
        <w:t xml:space="preserve">JF:</w:t>
        <w:tab/>
        <w:t xml:space="preserve">So your brother and you would alternate going in and asking for bones and if there were more than two boys.</w:t>
      </w:r>
    </w:p>
    <w:p>
      <w:pPr/>
      <w:r>
        <w:rPr>
          <w:rFonts w:ascii="Helvetica Light" w:hAnsi="Helvetica Light" w:cs="Helvetica Light"/>
          <w:sz w:val="24"/>
          <w:sz-cs w:val="24"/>
        </w:rPr>
        <w:t xml:space="preserve">MT:</w:t>
        <w:tab/>
        <w:t xml:space="preserve">Yes, and then we tried-- and he knew that. Because he would recognize, anybody would recognize, but you were so hungry and so anxious, and here's a person who was willing to give you something, so you keep on going, and so we just keep on switching, and going in and changing our-- take off the jacket and put the jacket on, mess up your hair-- there was no makeup. Finally he yells, "Enough." I imagine. "Heraus." [Get out]. That word we knew. So we get out and we go to the next, look around the next butcher shop. Then we need Blutwurst. Thatís only two things we could buy; Knochen and Blutwurst. Wurst made out of blood. Delicious if you could get it. So they would give us a piece of Blutwurst, the kind ones, usually the older ones, not the younger ones, older butchers.</w:t>
      </w:r>
    </w:p>
    <w:p>
      <w:pPr/>
      <w:r>
        <w:rPr>
          <w:rFonts w:ascii="Helvetica Light" w:hAnsi="Helvetica Light" w:cs="Helvetica Light"/>
          <w:sz w:val="24"/>
          <w:sz-cs w:val="24"/>
        </w:rPr>
        <w:t xml:space="preserve">JF:</w:t>
        <w:tab/>
        <w:t xml:space="preserve">Did they know you were Polish?</w:t>
      </w:r>
    </w:p>
    <w:p>
      <w:pPr/>
      <w:r>
        <w:rPr>
          <w:rFonts w:ascii="Helvetica Light" w:hAnsi="Helvetica Light" w:cs="Helvetica Light"/>
          <w:sz w:val="24"/>
          <w:sz-cs w:val="24"/>
        </w:rPr>
        <w:t xml:space="preserve">MT:</w:t>
        <w:tab/>
        <w:t xml:space="preserve">Oh, yes, yes. It was hard to get that. That's the whole thing. Sometimes we got some, sometimes we didn't.</w:t>
      </w:r>
    </w:p>
    <w:p>
      <w:pPr/>
      <w:r>
        <w:rPr>
          <w:rFonts w:ascii="Helvetica Light" w:hAnsi="Helvetica Light" w:cs="Helvetica Light"/>
          <w:sz w:val="24"/>
          <w:sz-cs w:val="24"/>
        </w:rPr>
        <w:t xml:space="preserve">JF:</w:t>
        <w:tab/>
        <w:t xml:space="preserve">Were you ever caught by the Ukrainian guards for sneaking in?</w:t>
      </w:r>
    </w:p>
    <w:p>
      <w:pPr/>
      <w:r>
        <w:rPr>
          <w:rFonts w:ascii="Helvetica Light" w:hAnsi="Helvetica Light" w:cs="Helvetica Light"/>
          <w:sz w:val="24"/>
          <w:sz-cs w:val="24"/>
        </w:rPr>
        <w:t xml:space="preserve">MT:</w:t>
        <w:tab/>
        <w:t xml:space="preserve">No, no, but...</w:t>
      </w:r>
    </w:p>
    <w:p>
      <w:pPr/>
      <w:r>
        <w:rPr>
          <w:rFonts w:ascii="Helvetica Light" w:hAnsi="Helvetica Light" w:cs="Helvetica Light"/>
          <w:sz w:val="24"/>
          <w:sz-cs w:val="24"/>
        </w:rPr>
        <w:t xml:space="preserve">JF:</w:t>
        <w:tab/>
        <w:t xml:space="preserve">How long were you working with your mother and the women?</w:t>
      </w:r>
    </w:p>
    <w:p>
      <w:pPr/>
      <w:r>
        <w:rPr>
          <w:rFonts w:ascii="Helvetica Light" w:hAnsi="Helvetica Light" w:cs="Helvetica Light"/>
          <w:sz w:val="24"/>
          <w:sz-cs w:val="24"/>
        </w:rPr>
        <w:t xml:space="preserve">MT:</w:t>
        <w:tab/>
        <w:t xml:space="preserve">I would say about, almost the whole time except maybe the last two months of captivity, I was allowed to go with my brother. I think we were in a camp about a year and a half. </w:t>
      </w:r>
    </w:p>
    <w:p>
      <w:pPr/>
      <w:r>
        <w:rPr>
          <w:rFonts w:ascii="Helvetica Light" w:hAnsi="Helvetica Light" w:cs="Helvetica Light"/>
          <w:sz w:val="24"/>
          <w:sz-cs w:val="24"/>
        </w:rPr>
        <w:t xml:space="preserve">JF:</w:t>
        <w:tab/>
        <w:t xml:space="preserve">You were in this last camp? Or the whole of it?</w:t>
      </w:r>
    </w:p>
    <w:p>
      <w:pPr/>
      <w:r>
        <w:rPr>
          <w:rFonts w:ascii="Helvetica Light" w:hAnsi="Helvetica Light" w:cs="Helvetica Light"/>
          <w:sz w:val="24"/>
          <w:sz-cs w:val="24"/>
        </w:rPr>
        <w:t xml:space="preserve">MT:</w:t>
        <w:tab/>
        <w:t xml:space="preserve">No, the whole thing. I think the last two or three months I was working with my brother.</w:t>
      </w:r>
    </w:p>
    <w:p>
      <w:pPr/>
      <w:r>
        <w:rPr>
          <w:rFonts w:ascii="Helvetica Light" w:hAnsi="Helvetica Light" w:cs="Helvetica Light"/>
          <w:sz w:val="24"/>
          <w:sz-cs w:val="24"/>
        </w:rPr>
        <w:t xml:space="preserve">JF:</w:t>
        <w:tab/>
        <w:t xml:space="preserve">Once you were 12?</w:t>
      </w:r>
    </w:p>
    <w:p>
      <w:pPr/>
      <w:r>
        <w:rPr>
          <w:rFonts w:ascii="Helvetica Light" w:hAnsi="Helvetica Light" w:cs="Helvetica Light"/>
          <w:sz w:val="24"/>
          <w:sz-cs w:val="24"/>
        </w:rPr>
        <w:t xml:space="preserve">MT:</w:t>
        <w:tab/>
        <w:t xml:space="preserve">Yes.</w:t>
      </w:r>
    </w:p>
    <w:p>
      <w:pPr/>
      <w:r>
        <w:rPr>
          <w:rFonts w:ascii="Helvetica Light" w:hAnsi="Helvetica Light" w:cs="Helvetica Light"/>
          <w:sz w:val="24"/>
          <w:sz-cs w:val="24"/>
        </w:rPr>
        <w:t xml:space="preserve">JF:</w:t>
        <w:tab/>
        <w:t xml:space="preserve">How did it feel to switch over to the men's battalion...</w:t>
      </w:r>
    </w:p>
    <w:p>
      <w:pPr/>
      <w:r>
        <w:rPr>
          <w:rFonts w:ascii="Helvetica Light" w:hAnsi="Helvetica Light" w:cs="Helvetica Light"/>
          <w:sz w:val="24"/>
          <w:sz-cs w:val="24"/>
        </w:rPr>
        <w:t xml:space="preserve">MT:</w:t>
        <w:tab/>
        <w:t xml:space="preserve">There was no feeling anymore. I think all of the feeling was removed. There was no transition. No big deal. Except I knew that my responsibility now was to get something for the family. To bring something in. To cheat as much as I can, to sneak away from the work force and to buy something. We had money, but we used that money instead of toilet paper, just to get even.</w:t>
      </w:r>
    </w:p>
    <w:p>
      <w:pPr/>
      <w:r>
        <w:rPr>
          <w:rFonts w:ascii="Helvetica Light" w:hAnsi="Helvetica Light" w:cs="Helvetica Light"/>
          <w:sz w:val="24"/>
          <w:sz-cs w:val="24"/>
        </w:rPr>
        <w:t xml:space="preserve">JF:</w:t>
        <w:tab/>
        <w:t xml:space="preserve">The Polish-- the money you had was Hungarian money?</w:t>
      </w:r>
    </w:p>
    <w:p>
      <w:pPr/>
      <w:r>
        <w:rPr>
          <w:rFonts w:ascii="Helvetica Light" w:hAnsi="Helvetica Light" w:cs="Helvetica Light"/>
          <w:sz w:val="24"/>
          <w:sz-cs w:val="24"/>
        </w:rPr>
        <w:t xml:space="preserve">MT:</w:t>
        <w:tab/>
        <w:t xml:space="preserve">But it was changed into German Marks.</w:t>
      </w:r>
    </w:p>
    <w:p>
      <w:pPr/>
      <w:r>
        <w:rPr>
          <w:rFonts w:ascii="Helvetica Light" w:hAnsi="Helvetica Light" w:cs="Helvetica Light"/>
          <w:sz w:val="24"/>
          <w:sz-cs w:val="24"/>
        </w:rPr>
        <w:t xml:space="preserve">JF:</w:t>
        <w:tab/>
        <w:t xml:space="preserve">But you used it anyway.</w:t>
      </w:r>
    </w:p>
    <w:p>
      <w:pPr/>
      <w:r>
        <w:rPr>
          <w:rFonts w:ascii="Helvetica Light" w:hAnsi="Helvetica Light" w:cs="Helvetica Light"/>
          <w:sz w:val="24"/>
          <w:sz-cs w:val="24"/>
        </w:rPr>
        <w:t xml:space="preserve">MT:</w:t>
        <w:tab/>
        <w:t xml:space="preserve">But we used it because we didn't want them to get it. It was on purpose. It gave us tremendous feeling to use the German Marks for toilet paper. There was no toilet paper anyway. But to use that and just destroy it. There was nothing we could buy.</w:t>
      </w:r>
    </w:p>
    <w:p>
      <w:pPr/>
      <w:r>
        <w:rPr>
          <w:rFonts w:ascii="Helvetica Light" w:hAnsi="Helvetica Light" w:cs="Helvetica Light"/>
          <w:sz w:val="24"/>
          <w:sz-cs w:val="24"/>
        </w:rPr>
        <w:t xml:space="preserve">JF:</w:t>
        <w:tab/>
        <w:t xml:space="preserve">You've mentioned several things, so-called small things, but things that gave you a good feeling that somehow you were getting back or outsmarting the system.  Were there any other instances like that that gave you a little boost, sort of an opportunity to give vent to some of your anger and frustration?</w:t>
      </w:r>
    </w:p>
    <w:p>
      <w:pPr/>
      <w:r>
        <w:rPr>
          <w:rFonts w:ascii="Helvetica Light" w:hAnsi="Helvetica Light" w:cs="Helvetica Light"/>
          <w:sz w:val="24"/>
          <w:sz-cs w:val="24"/>
        </w:rPr>
        <w:t xml:space="preserve">MT:</w:t>
        <w:tab/>
        <w:t xml:space="preserve">Not really. Because when things later on started to happen, when we were being liberated-- I might as well start from the beginning. Actually one more incident.</w:t>
      </w:r>
    </w:p>
    <w:p>
      <w:pPr/>
      <w:r>
        <w:rPr>
          <w:rFonts w:ascii="Helvetica Light" w:hAnsi="Helvetica Light" w:cs="Helvetica Light"/>
          <w:sz w:val="24"/>
          <w:sz-cs w:val="24"/>
        </w:rPr>
        <w:t xml:space="preserve">JF:</w:t>
        <w:tab/>
        <w:t xml:space="preserve">Yes.</w:t>
      </w:r>
    </w:p>
    <w:p>
      <w:pPr/>
      <w:r>
        <w:rPr>
          <w:rFonts w:ascii="Helvetica Light" w:hAnsi="Helvetica Light" w:cs="Helvetica Light"/>
          <w:sz w:val="24"/>
          <w:sz-cs w:val="24"/>
        </w:rPr>
        <w:t xml:space="preserve">MT:</w:t>
        <w:tab/>
        <w:t xml:space="preserve">We had one at that camp, Neumark. I remember when we first arrived, the farmers from the territory came in to the camp to examine the new catch, new people that we were.  This was the first time again in my life-- I wasn't that old-- I didn't live that long-- to see people checking human muscles, to see a farmer walk up to a man and check out his muscles, tell him to take off his jacket or whatever he had, a shirt or whatever, and check his muscles or check his teeth. I knew from that time that's how you were checking horses, I knew that, that you have to check horses by their teeth. The teeth would tell you their age and their health. And that's how we were examined, and then the farmer says, "Yes, I will take this and I will take that." But never a family. He just takes what he wants. The rest of the people stay in the camp. He took them to farm to work for them. And that was like being liberated because there should be some food there, there should be something. But one of the younger men were chosen like that that we knew, that the parents knew, to go to the farm.  My father, knowing some German, because with Ukies you couldn't make any arrangement in that camp, none whatsoever, because they were very nasty to us, very nasty.</w:t>
      </w:r>
    </w:p>
    <w:p>
      <w:pPr/>
      <w:r>
        <w:rPr>
          <w:rFonts w:ascii="Helvetica Light" w:hAnsi="Helvetica Light" w:cs="Helvetica Light"/>
          <w:sz w:val="24"/>
          <w:sz-cs w:val="24"/>
        </w:rPr>
        <w:t xml:space="preserve">JF:</w:t>
        <w:tab/>
        <w:t xml:space="preserve">What do you mean, the Ukrainians would not let you work in a German farm?</w:t>
      </w:r>
    </w:p>
    <w:p>
      <w:pPr/>
      <w:r>
        <w:rPr>
          <w:rFonts w:ascii="Helvetica Light" w:hAnsi="Helvetica Light" w:cs="Helvetica Light"/>
          <w:sz w:val="24"/>
          <w:sz-cs w:val="24"/>
        </w:rPr>
        <w:t xml:space="preserve">MT:</w:t>
        <w:tab/>
        <w:t xml:space="preserve">No, you could not make any agreements with them. Talk to them or anything. They were very nasty to us, very nasty.</w:t>
      </w:r>
    </w:p>
    <w:p>
      <w:pPr/>
      <w:r>
        <w:rPr>
          <w:rFonts w:ascii="Helvetica Light" w:hAnsi="Helvetica Light" w:cs="Helvetica Light"/>
          <w:sz w:val="24"/>
          <w:sz-cs w:val="24"/>
        </w:rPr>
        <w:t xml:space="preserve">JF: </w:t>
        <w:tab/>
        <w:t xml:space="preserve">And, if the German farmers came to get people from that camp, the Ukrainians...?</w:t>
      </w:r>
    </w:p>
    <w:p>
      <w:pPr/>
      <w:r>
        <w:rPr>
          <w:rFonts w:ascii="Helvetica Light" w:hAnsi="Helvetica Light" w:cs="Helvetica Light"/>
          <w:sz w:val="24"/>
          <w:sz-cs w:val="24"/>
        </w:rPr>
        <w:t xml:space="preserve">MT:</w:t>
        <w:tab/>
        <w:t xml:space="preserve">That was all right.</w:t>
      </w:r>
    </w:p>
    <w:p>
      <w:pPr/>
      <w:r>
        <w:rPr>
          <w:rFonts w:ascii="Helvetica Light" w:hAnsi="Helvetica Light" w:cs="Helvetica Light"/>
          <w:sz w:val="24"/>
          <w:sz-cs w:val="24"/>
        </w:rPr>
        <w:t xml:space="preserve">JF:</w:t>
        <w:tab/>
        <w:t xml:space="preserve">That was all right.</w:t>
      </w:r>
    </w:p>
    <w:p>
      <w:pPr/>
      <w:r>
        <w:rPr>
          <w:rFonts w:ascii="Helvetica Light" w:hAnsi="Helvetica Light" w:cs="Helvetica Light"/>
          <w:sz w:val="24"/>
          <w:sz-cs w:val="24"/>
        </w:rPr>
        <w:t xml:space="preserve">MT:</w:t>
        <w:tab/>
        <w:t xml:space="preserve">Oh, yes. But then later on, in camp you couldn't talk to them. Like "Could I cook something or this or that?" No. Nothing. They were in full control, they were in nasty control. I was just a youngster but I knew like, they had lice problem or whatever, some kind of problems in camps like that, because there was no cleaning facilities.  We never took showers, we never did anything, so every so often, I think twice that I remember, they would chase us into the shower room. So, again, when I remember, I went with women, but it was all together, anyway. One side was women and the other side was men. but what they did: there were two tables, small tables, the women were sitting at one table, men had to walk by her table, but his organ on the table and she examined him. Not a doctor, a worker, a camp worker -- a woman.</w:t>
      </w:r>
    </w:p>
    <w:p>
      <w:pPr/>
      <w:r>
        <w:rPr>
          <w:rFonts w:ascii="Helvetica Light" w:hAnsi="Helvetica Light" w:cs="Helvetica Light"/>
          <w:sz w:val="24"/>
          <w:sz-cs w:val="24"/>
        </w:rPr>
        <w:t xml:space="preserve">JF:</w:t>
        <w:tab/>
        <w:t xml:space="preserve">What was she examining?</w:t>
      </w:r>
    </w:p>
    <w:p>
      <w:pPr/>
      <w:r>
        <w:rPr>
          <w:rFonts w:ascii="Helvetica Light" w:hAnsi="Helvetica Light" w:cs="Helvetica Light"/>
          <w:sz w:val="24"/>
          <w:sz-cs w:val="24"/>
        </w:rPr>
        <w:t xml:space="preserve">MT:</w:t>
        <w:tab/>
        <w:t xml:space="preserve">Just him as a male. Just for kicks. The women went by guys, and they were just regular workers, they worked for us, and they were just exchanging, sitting there, you know. She sat there for a certain length of time until she got tired of it and then another woman took over and so forth. They were just...</w:t>
      </w:r>
    </w:p>
    <w:p>
      <w:pPr/>
      <w:r>
        <w:rPr>
          <w:rFonts w:ascii="Helvetica Light" w:hAnsi="Helvetica Light" w:cs="Helvetica Light"/>
          <w:sz w:val="24"/>
          <w:sz-cs w:val="24"/>
        </w:rPr>
        <w:t xml:space="preserve">JF:</w:t>
        <w:tab/>
        <w:t xml:space="preserve">The were not there to be looking for some kind of... </w:t>
      </w:r>
    </w:p>
    <w:p>
      <w:pPr/>
      <w:r>
        <w:rPr>
          <w:rFonts w:ascii="Helvetica Light" w:hAnsi="Helvetica Light" w:cs="Helvetica Light"/>
          <w:sz w:val="24"/>
          <w:sz-cs w:val="24"/>
        </w:rPr>
        <w:t xml:space="preserve">MT:</w:t>
        <w:tab/>
        <w:t xml:space="preserve">No. Not. They were just to dehumanize you. To remove another part of your natural instinct to be...</w:t>
      </w:r>
    </w:p>
    <w:p>
      <w:pPr/>
      <w:r>
        <w:rPr>
          <w:rFonts w:ascii="Helvetica Light" w:hAnsi="Helvetica Light" w:cs="Helvetica Light"/>
          <w:sz w:val="24"/>
          <w:sz-cs w:val="24"/>
        </w:rPr>
        <w:t xml:space="preserve">JF:</w:t>
        <w:tab/>
        <w:t xml:space="preserve">Modest?</w:t>
      </w:r>
    </w:p>
    <w:p>
      <w:pPr/>
      <w:r>
        <w:rPr>
          <w:rFonts w:ascii="Helvetica Light" w:hAnsi="Helvetica Light" w:cs="Helvetica Light"/>
          <w:sz w:val="24"/>
          <w:sz-cs w:val="24"/>
        </w:rPr>
        <w:t xml:space="preserve">MT:</w:t>
        <w:tab/>
        <w:t xml:space="preserve">Yes, and to be yourself, not-- and women the same thing. Men were just sitting there just making a big deal out of it.  "There's a woman." The woman would stand in front of his desk and he would do his thing, whatever he wanted to do.</w:t>
      </w:r>
    </w:p>
    <w:p>
      <w:pPr/>
      <w:r>
        <w:rPr>
          <w:rFonts w:ascii="Helvetica Light" w:hAnsi="Helvetica Light" w:cs="Helvetica Light"/>
          <w:sz w:val="24"/>
          <w:sz-cs w:val="24"/>
        </w:rPr>
        <w:t xml:space="preserve">JF:</w:t>
        <w:tab/>
        <w:t xml:space="preserve">What would they do?</w:t>
      </w:r>
    </w:p>
    <w:p>
      <w:pPr/>
      <w:r>
        <w:rPr>
          <w:rFonts w:ascii="Helvetica Light" w:hAnsi="Helvetica Light" w:cs="Helvetica Light"/>
          <w:sz w:val="24"/>
          <w:sz-cs w:val="24"/>
        </w:rPr>
        <w:t xml:space="preserve">MT:</w:t>
        <w:tab/>
        <w:t xml:space="preserve">They would just examine them. They were touching them and they were joking to each other and so forth, whatever. Big kicks.</w:t>
      </w:r>
    </w:p>
    <w:p>
      <w:pPr/>
      <w:r>
        <w:rPr>
          <w:rFonts w:ascii="Helvetica Light" w:hAnsi="Helvetica Light" w:cs="Helvetica Light"/>
          <w:sz w:val="24"/>
          <w:sz-cs w:val="24"/>
        </w:rPr>
        <w:t xml:space="preserve">JF:</w:t>
        <w:tab/>
        <w:t xml:space="preserve">What happened to you?</w:t>
      </w:r>
    </w:p>
    <w:p>
      <w:pPr/>
      <w:r>
        <w:rPr>
          <w:rFonts w:ascii="Helvetica Light" w:hAnsi="Helvetica Light" w:cs="Helvetica Light"/>
          <w:sz w:val="24"/>
          <w:sz-cs w:val="24"/>
        </w:rPr>
        <w:t xml:space="preserve">MT:</w:t>
        <w:tab/>
        <w:t xml:space="preserve">They would not do anything to me, so I guess they did not have gay individuals there or something, and I was not interesting enough for older women, for mature women. I was never molested or made a fool of that way, but I had to undress and run around naked. I would hide around my mother. Then would come the time that they turned the water on. I don't remember soap or anything, but they put the water on. They would turn the water on. It was so cold you could die. So everybody's shivering. There I was hiding under my mother to protect me from the cold water, and pretty soon the water stops. Thank God. Aha! Another shower, hot, as hot as you can make it. You can't stand it. You start screaming and the kids were screaming, hiding. Just playing around, those people. That was showers...</w:t>
      </w:r>
    </w:p>
    <w:p>
      <w:pPr/>
      <w:r>
        <w:rPr>
          <w:rFonts w:ascii="Helvetica Light" w:hAnsi="Helvetica Light" w:cs="Helvetica Light"/>
          <w:sz w:val="24"/>
          <w:sz-cs w:val="24"/>
        </w:rPr>
        <w:t xml:space="preserve">JF:</w:t>
        <w:tab/>
        <w:t xml:space="preserve">Toying with you?</w:t>
      </w:r>
    </w:p>
    <w:p>
      <w:pPr/>
      <w:r>
        <w:rPr>
          <w:rFonts w:ascii="Helvetica Light" w:hAnsi="Helvetica Light" w:cs="Helvetica Light"/>
          <w:sz w:val="24"/>
          <w:sz-cs w:val="24"/>
        </w:rPr>
        <w:t xml:space="preserve">MT:</w:t>
        <w:tab/>
        <w:t xml:space="preserve">Terribly.</w:t>
      </w:r>
    </w:p>
    <w:p>
      <w:pPr/>
      <w:r>
        <w:rPr>
          <w:rFonts w:ascii="Helvetica Light" w:hAnsi="Helvetica Light" w:cs="Helvetica Light"/>
          <w:sz w:val="24"/>
          <w:sz-cs w:val="24"/>
        </w:rPr>
        <w:t xml:space="preserve">JF:</w:t>
        <w:tab/>
        <w:t xml:space="preserve">And again, these were Ukrainian guards all the time.</w:t>
      </w:r>
    </w:p>
    <w:p>
      <w:pPr/>
      <w:r>
        <w:rPr>
          <w:rFonts w:ascii="Helvetica Light" w:hAnsi="Helvetica Light" w:cs="Helvetica Light"/>
          <w:sz w:val="24"/>
          <w:sz-cs w:val="24"/>
        </w:rPr>
        <w:t xml:space="preserve">MT:</w:t>
        <w:tab/>
        <w:t xml:space="preserve">Ukrainian. Yes, and I am working with one right now. I don't remember him. I know my mother would and I still don't have enough guts to take a picture of him.</w:t>
      </w:r>
    </w:p>
    <w:p>
      <w:pPr/>
      <w:r>
        <w:rPr>
          <w:rFonts w:ascii="Helvetica Light" w:hAnsi="Helvetica Light" w:cs="Helvetica Light"/>
          <w:sz w:val="24"/>
          <w:sz-cs w:val="24"/>
        </w:rPr>
        <w:t xml:space="preserve">JF:</w:t>
        <w:tab/>
        <w:t xml:space="preserve">He-- the Ukrainian man that you are working with, do you think this is someone that your parents knew or...?</w:t>
      </w:r>
    </w:p>
    <w:p>
      <w:pPr/>
      <w:r>
        <w:rPr>
          <w:rFonts w:ascii="Helvetica Light" w:hAnsi="Helvetica Light" w:cs="Helvetica Light"/>
          <w:sz w:val="24"/>
          <w:sz-cs w:val="24"/>
        </w:rPr>
        <w:t xml:space="preserve">MT:</w:t>
        <w:tab/>
        <w:t xml:space="preserve">They would recognize him because we go, once a week, to a dinner, certain groups, individuals that work there, we go outside to dinner. It's more or less like a restaurant - beer place, so we have hot meal and a beer or a cognac, whatever, with it. Well, this guy had a few brandies and he started talking about Germany and what camps he was in. He was Ukrainian. So I said, "Which camp were you in?" and he says, "Neumark." Well, I should have kept my mouth shut but I say, "I was in Neumark," and that killed the whole thing. I said, "How comes you were in Neumark?" You are in Ukrainian," and he says, "Yes, but they kept me as a prisoner." "Prisoner of what?" Neumark was divided into two camps. One side of the wall was the animals, us, and the other side were the privileged people, that that took care of us. So he was one of them.</w:t>
      </w:r>
    </w:p>
    <w:p>
      <w:pPr/>
      <w:r>
        <w:rPr>
          <w:rFonts w:ascii="Helvetica Light" w:hAnsi="Helvetica Light" w:cs="Helvetica Light"/>
          <w:sz w:val="24"/>
          <w:sz-cs w:val="24"/>
        </w:rPr>
        <w:t xml:space="preserve">JF:</w:t>
        <w:tab/>
        <w:t xml:space="preserve">The guards.</w:t>
      </w:r>
    </w:p>
    <w:p>
      <w:pPr/>
      <w:r>
        <w:rPr>
          <w:rFonts w:ascii="Helvetica Light" w:hAnsi="Helvetica Light" w:cs="Helvetica Light"/>
          <w:sz w:val="24"/>
          <w:sz-cs w:val="24"/>
        </w:rPr>
        <w:t xml:space="preserve">MT:</w:t>
        <w:tab/>
        <w:t xml:space="preserve">Yes, the guards, the workers.</w:t>
      </w:r>
    </w:p>
    <w:p>
      <w:pPr/>
      <w:r>
        <w:rPr>
          <w:rFonts w:ascii="Helvetica Light" w:hAnsi="Helvetica Light" w:cs="Helvetica Light"/>
          <w:sz w:val="24"/>
          <w:sz-cs w:val="24"/>
        </w:rPr>
        <w:t xml:space="preserve">JF:</w:t>
        <w:tab/>
        <w:t xml:space="preserve">Workers?</w:t>
      </w:r>
    </w:p>
    <w:p>
      <w:pPr/>
      <w:r>
        <w:rPr>
          <w:rFonts w:ascii="Helvetica Light" w:hAnsi="Helvetica Light" w:cs="Helvetica Light"/>
          <w:sz w:val="24"/>
          <w:sz-cs w:val="24"/>
        </w:rPr>
        <w:t xml:space="preserve">MT:</w:t>
        <w:tab/>
        <w:t xml:space="preserve">The real guards were Germans. They walked with German shepherds. There were towers. It was not a concentration camp where they had uniforms and they were determined to kill you right away, but it was a camp that they were eliminating somebody everyday. Just beating them to death until they didn't move. You didn't know if they died, they just removed them from the premises and you never saw them again. You just-- constantly-- we went to one funeral like that.  You never went to a funeral, but something happened and my mother insisted that she wants to have a funeral for that woman, I think it was.</w:t>
      </w:r>
    </w:p>
    <w:p>
      <w:pPr/>
      <w:r>
        <w:rPr>
          <w:rFonts w:ascii="Helvetica Light" w:hAnsi="Helvetica Light" w:cs="Helvetica Light"/>
          <w:sz w:val="24"/>
          <w:sz-cs w:val="24"/>
        </w:rPr>
        <w:t xml:space="preserve">JF:</w:t>
        <w:tab/>
        <w:t xml:space="preserve">This was in the camp?</w:t>
      </w:r>
    </w:p>
    <w:p>
      <w:pPr/>
      <w:r>
        <w:rPr>
          <w:rFonts w:ascii="Helvetica Light" w:hAnsi="Helvetica Light" w:cs="Helvetica Light"/>
          <w:sz w:val="24"/>
          <w:sz-cs w:val="24"/>
        </w:rPr>
        <w:t xml:space="preserve">MT:</w:t>
        <w:tab/>
        <w:t xml:space="preserve">In the camp. So they allowed us. Couple, I know that I went there. I was always altar boy. So there we were. There were no priests; they were also removed from our premises. They were in separate places, camps. Funeral, there was no funeral. Somebody said some kind of prayer. Guards. The body was in a paper sack. It was just thrown into a ditch and youíre not allowed to even cover it. On the side there were other bodies laying, like ash. They must have been burning them. There was one young girl that still made some movement. She was laying on that pile of the bodies...</w:t>
      </w:r>
    </w:p>
    <w:p>
      <w:pPr/>
      <w:r>
        <w:rPr>
          <w:rFonts w:ascii="Helvetica Light" w:hAnsi="Helvetica Light" w:cs="Helvetica Light"/>
          <w:sz w:val="24"/>
          <w:sz-cs w:val="24"/>
        </w:rPr>
        <w:t xml:space="preserve">JF:</w:t>
        <w:tab/>
        <w:t xml:space="preserve">She was still alive?</w:t>
      </w:r>
    </w:p>
    <w:p>
      <w:pPr/>
      <w:r>
        <w:rPr>
          <w:rFonts w:ascii="Helvetica Light" w:hAnsi="Helvetica Light" w:cs="Helvetica Light"/>
          <w:sz w:val="24"/>
          <w:sz-cs w:val="24"/>
        </w:rPr>
        <w:t xml:space="preserve">MT:</w:t>
        <w:tab/>
        <w:t xml:space="preserve">She was partially alive, and you couldn't do anything.</w:t>
      </w:r>
    </w:p>
    <w:p>
      <w:pPr/>
      <w:r>
        <w:rPr>
          <w:rFonts w:ascii="Helvetica Light" w:hAnsi="Helvetica Light" w:cs="Helvetica Light"/>
          <w:sz w:val="24"/>
          <w:sz-cs w:val="24"/>
        </w:rPr>
        <w:t xml:space="preserve">JF:</w:t>
        <w:tab/>
        <w:t xml:space="preserve">Were there any kind of public executions, or was it more impromptu beatings?</w:t>
      </w:r>
    </w:p>
    <w:p>
      <w:pPr/>
      <w:r>
        <w:rPr>
          <w:rFonts w:ascii="Helvetica Light" w:hAnsi="Helvetica Light" w:cs="Helvetica Light"/>
          <w:sz w:val="24"/>
          <w:sz-cs w:val="24"/>
        </w:rPr>
        <w:t xml:space="preserve">MT:</w:t>
        <w:tab/>
        <w:t xml:space="preserve">No, there was no-- in those camps I was in, there was nothing like that. Other camps they had some. No. This was just constant, constant cut-down on food and...</w:t>
      </w:r>
    </w:p>
    <w:p>
      <w:pPr/>
      <w:r>
        <w:rPr>
          <w:rFonts w:ascii="Helvetica Light" w:hAnsi="Helvetica Light" w:cs="Helvetica Light"/>
          <w:sz w:val="24"/>
          <w:sz-cs w:val="24"/>
        </w:rPr>
        <w:t xml:space="preserve">JF:</w:t>
        <w:tab/>
        <w:t xml:space="preserve">Illnesses and starvation?</w:t>
      </w:r>
    </w:p>
    <w:p>
      <w:pPr/>
      <w:r>
        <w:rPr>
          <w:rFonts w:ascii="Helvetica Light" w:hAnsi="Helvetica Light" w:cs="Helvetica Light"/>
          <w:sz w:val="24"/>
          <w:sz-cs w:val="24"/>
        </w:rPr>
        <w:t xml:space="preserve">MT:</w:t>
        <w:tab/>
        <w:t xml:space="preserve">If you would ever get ill, that's it.</w:t>
      </w:r>
    </w:p>
    <w:p>
      <w:pPr/>
      <w:r>
        <w:rPr>
          <w:rFonts w:ascii="Helvetica Light" w:hAnsi="Helvetica Light" w:cs="Helvetica Light"/>
          <w:sz w:val="24"/>
          <w:sz-cs w:val="24"/>
        </w:rPr>
        <w:t xml:space="preserve">JF:</w:t>
        <w:tab/>
        <w:t xml:space="preserve">Was there any medical facility at all? Any medicine?</w:t>
      </w:r>
    </w:p>
    <w:p>
      <w:pPr/>
      <w:r>
        <w:rPr>
          <w:rFonts w:ascii="Helvetica Light" w:hAnsi="Helvetica Light" w:cs="Helvetica Light"/>
          <w:sz w:val="24"/>
          <w:sz-cs w:val="24"/>
        </w:rPr>
        <w:t xml:space="preserve">MT:</w:t>
        <w:tab/>
        <w:t xml:space="preserve">No, there was no doctor. No way. When the Americans liberated-- that's, that comes later, we went to that farmer, a young man, that was picked by a farmer. Somehow my father made arrangements, like I said, you couldn't make arrangements with Ukrainians, so he made arrangements with a Lagerf¸hrer, or was it a Oberlagerf¸hrer - his assistant lager, camp director, assistant camp director, to allow two of his sons to walk over to that farmer, to go there to visit this guy and came back. No way...</w:t>
      </w:r>
    </w:p>
    <w:p>
      <w:pPr/>
      <w:r>
        <w:rPr>
          <w:rFonts w:ascii="Helvetica Light" w:hAnsi="Helvetica Light" w:cs="Helvetica Light"/>
          <w:sz w:val="24"/>
          <w:sz-cs w:val="24"/>
        </w:rPr>
        <w:t xml:space="preserve">JF:</w:t>
        <w:tab/>
        <w:t xml:space="preserve">You and your brother?</w:t>
      </w:r>
    </w:p>
    <w:p>
      <w:pPr/>
      <w:r>
        <w:rPr>
          <w:rFonts w:ascii="Helvetica Light" w:hAnsi="Helvetica Light" w:cs="Helvetica Light"/>
          <w:sz w:val="24"/>
          <w:sz-cs w:val="24"/>
        </w:rPr>
        <w:t xml:space="preserve">MT:</w:t>
        <w:tab/>
        <w:t xml:space="preserve">Ya.  "No way." How could-- somehow they made out that we can go. Only us two.</w:t>
      </w:r>
    </w:p>
    <w:p>
      <w:pPr/>
      <w:r>
        <w:rPr>
          <w:rFonts w:ascii="Helvetica Light" w:hAnsi="Helvetica Light" w:cs="Helvetica Light"/>
          <w:sz w:val="24"/>
          <w:sz-cs w:val="24"/>
        </w:rPr>
        <w:t xml:space="preserve">JF:</w:t>
        <w:tab/>
        <w:t xml:space="preserve">What were you supposedly going to do?</w:t>
      </w:r>
    </w:p>
    <w:p>
      <w:pPr/>
      <w:r>
        <w:rPr>
          <w:rFonts w:ascii="Helvetica Light" w:hAnsi="Helvetica Light" w:cs="Helvetica Light"/>
          <w:sz w:val="24"/>
          <w:sz-cs w:val="24"/>
        </w:rPr>
        <w:t xml:space="preserve">MT:</w:t>
        <w:tab/>
        <w:t xml:space="preserve">We were supposed to-- they knew that they would not allow us to bring any food in, but eat as much as you can, whatever you can.</w:t>
      </w:r>
    </w:p>
    <w:p>
      <w:pPr/>
      <w:r>
        <w:rPr>
          <w:rFonts w:ascii="Helvetica Light" w:hAnsi="Helvetica Light" w:cs="Helvetica Light"/>
          <w:sz w:val="24"/>
          <w:sz-cs w:val="24"/>
        </w:rPr>
        <w:t xml:space="preserve">JF:</w:t>
        <w:tab/>
        <w:t xml:space="preserve">And the Lagerf¸hrer...?</w:t>
      </w:r>
    </w:p>
    <w:p>
      <w:pPr/>
      <w:r>
        <w:rPr>
          <w:rFonts w:ascii="Helvetica Light" w:hAnsi="Helvetica Light" w:cs="Helvetica Light"/>
          <w:sz w:val="24"/>
          <w:sz-cs w:val="24"/>
        </w:rPr>
        <w:t xml:space="preserve">MT:</w:t>
        <w:tab/>
        <w:t xml:space="preserve">No, we were just allowed to go to visit this guy.</w:t>
      </w:r>
    </w:p>
    <w:p>
      <w:pPr/>
      <w:r>
        <w:rPr>
          <w:rFonts w:ascii="Helvetica Light" w:hAnsi="Helvetica Light" w:cs="Helvetica Light"/>
          <w:sz w:val="24"/>
          <w:sz-cs w:val="24"/>
        </w:rPr>
        <w:t xml:space="preserve">JF:</w:t>
        <w:tab/>
        <w:t xml:space="preserve">That was the premise?</w:t>
      </w:r>
    </w:p>
    <w:p>
      <w:pPr/>
      <w:r>
        <w:rPr>
          <w:rFonts w:ascii="Helvetica Light" w:hAnsi="Helvetica Light" w:cs="Helvetica Light"/>
          <w:sz w:val="24"/>
          <w:sz-cs w:val="24"/>
        </w:rPr>
        <w:t xml:space="preserve">MT:</w:t>
        <w:tab/>
        <w:t xml:space="preserve">The premise, yes, to go to visit him, because we knew him, and after all, these are young kids and everything, and they were together for x number of years. Why can't they go there and perhaps later on they will be working for this farmer, whatever, blah, blah, blah. So they allowed us to go.</w:t>
      </w:r>
    </w:p>
    <w:p>
      <w:pPr/>
      <w:r>
        <w:rPr>
          <w:rFonts w:ascii="Helvetica Light" w:hAnsi="Helvetica Light" w:cs="Helvetica Light"/>
          <w:sz w:val="24"/>
          <w:sz-cs w:val="24"/>
        </w:rPr>
        <w:t xml:space="preserve">JF:</w:t>
        <w:tab/>
        <w:t xml:space="preserve">Did he bribe the guard, or the Oberf¸hrer, Lagerf¸hrer?</w:t>
      </w:r>
    </w:p>
    <w:p>
      <w:pPr/>
      <w:r>
        <w:rPr>
          <w:rFonts w:ascii="Helvetica Light" w:hAnsi="Helvetica Light" w:cs="Helvetica Light"/>
          <w:sz w:val="24"/>
          <w:sz-cs w:val="24"/>
        </w:rPr>
        <w:t xml:space="preserve">MT:</w:t>
        <w:tab/>
        <w:t xml:space="preserve">I don't think you could bribe them. No! They would not be interested in any money; there was nothing like that, because everything that they had-- it was all theirs. Just like a canary you have in a cage. They can bribe you.  "If you let me, I'll give you my egg-- oh, you don't have to let me..." [unclear] So my father explained, you can't take a piece of paper to show a map or anything-- explained how to go there. We went there. We found the place, I don't know how. You can't ask anybody, you just have to go through the wilderness, never through populated area, and we got to the place. We recognized it from a distance. We couldn't even run. We were very weak. We got there. Right away he started making signs...</w:t>
      </w:r>
    </w:p>
    <w:p>
      <w:pPr/>
      <w:r>
        <w:rPr>
          <w:rFonts w:ascii="Helvetica Light" w:hAnsi="Helvetica Light" w:cs="Helvetica Light"/>
          <w:sz w:val="24"/>
          <w:sz-cs w:val="24"/>
        </w:rPr>
        <w:t xml:space="preserve">JF:</w:t>
        <w:tab/>
        <w:t xml:space="preserve">Who? The young man...?</w:t>
      </w:r>
    </w:p>
    <w:p>
      <w:pPr/>
      <w:r>
        <w:rPr>
          <w:rFonts w:ascii="Helvetica Light" w:hAnsi="Helvetica Light" w:cs="Helvetica Light"/>
          <w:sz w:val="24"/>
          <w:sz-cs w:val="24"/>
        </w:rPr>
        <w:t xml:space="preserve">MT:</w:t>
        <w:tab/>
        <w:t xml:space="preserve">The young man because of the farmer, because he is around and keeping eye on me. We said, "Is there any food around?" and he says, "No." I said, "Come on, we are very hungry." Then we heard chickens in a chicken coop. There must be eggs in it. We got to the chicken coop and grabbed some eggs and the chickens started making an awful lot of noise and the farmer came out. [unclear]. No, no, no, no!  We didn't have a chance to say "hello" to this guy or anything. I grabbed a whole egg and pushed it in my mouth and just swallowed it pretending that I don't have anything and I guess my brother even did do it or-- and we had to just run and go before they turned the dogs on us. It was actually more wasted energy than it was worth because-- on the way back... </w:t>
      </w:r>
    </w:p>
    <w:p>
      <w:pPr/>
      <w:r>
        <w:rPr>
          <w:rFonts w:ascii="Helvetica Light" w:hAnsi="Helvetica Light" w:cs="Helvetica Light"/>
          <w:sz w:val="24"/>
          <w:sz-cs w:val="24"/>
        </w:rPr>
        <w:t xml:space="preserve">JF:</w:t>
        <w:tab/>
        <w:t xml:space="preserve">There was no danger of you being picked up in a situation like that?</w:t>
      </w:r>
    </w:p>
    <w:p>
      <w:pPr/>
      <w:r>
        <w:rPr>
          <w:rFonts w:ascii="Helvetica Light" w:hAnsi="Helvetica Light" w:cs="Helvetica Light"/>
          <w:sz w:val="24"/>
          <w:sz-cs w:val="24"/>
        </w:rPr>
        <w:t xml:space="preserve">MT:</w:t>
        <w:tab/>
        <w:t xml:space="preserve">I don't think that anybody cares, except my father told us to stay away from populated areas. Don't go through populated areas. We went through just open fields and woods.</w:t>
      </w:r>
    </w:p>
    <w:p>
      <w:pPr/>
      <w:r>
        <w:rPr>
          <w:rFonts w:ascii="Helvetica Light" w:hAnsi="Helvetica Light" w:cs="Helvetica Light"/>
          <w:sz w:val="24"/>
          <w:sz-cs w:val="24"/>
        </w:rPr>
        <w:t xml:space="preserve">JF:</w:t>
        <w:tab/>
        <w:t xml:space="preserve">Did it cross your mind to keep on going?</w:t>
      </w:r>
    </w:p>
    <w:p>
      <w:pPr/>
      <w:r>
        <w:rPr>
          <w:rFonts w:ascii="Helvetica Light" w:hAnsi="Helvetica Light" w:cs="Helvetica Light"/>
          <w:sz w:val="24"/>
          <w:sz-cs w:val="24"/>
        </w:rPr>
        <w:t xml:space="preserve">MT:</w:t>
        <w:tab/>
        <w:t xml:space="preserve">No. No. No language. We couldn't.</w:t>
      </w:r>
    </w:p>
    <w:p>
      <w:pPr/>
      <w:r>
        <w:rPr>
          <w:rFonts w:ascii="Helvetica Light" w:hAnsi="Helvetica Light" w:cs="Helvetica Light"/>
          <w:sz w:val="24"/>
          <w:sz-cs w:val="24"/>
        </w:rPr>
        <w:t xml:space="preserve">JF:</w:t>
        <w:tab/>
        <w:t xml:space="preserve">You didn't have the language?</w:t>
      </w:r>
    </w:p>
    <w:p>
      <w:pPr/>
      <w:r>
        <w:rPr>
          <w:rFonts w:ascii="Helvetica Light" w:hAnsi="Helvetica Light" w:cs="Helvetica Light"/>
          <w:sz w:val="24"/>
          <w:sz-cs w:val="24"/>
        </w:rPr>
        <w:t xml:space="preserve">MT:</w:t>
        <w:tab/>
        <w:t xml:space="preserve">No. Never. You had something very dear left behind; and the only thing you could do is think how to free them. There was no way you-- It was a tough situation that you were in. Say you could run away. So, where could you go? I don't know. On the way back, there was a German convoy going not too far from the camp, and Americans caught up with them. Three planes, one coming down, going up, constantly just working right through the whole convoy, [made noise] dropping small bombs, napalm, I think, and they just destroyed that convoy beautifully. We knew-- It looked to us that they were bombing the camp. We cried, we kissed, we hugged. That was the end of our parents, the end of everything. As closer we got to the camp, the more we realized, it's not the camp, it's German soldiers, the convoy was caught. They were destroyed right on the road that goes by the camp. Horses-- they still had horses, killed, just upside down, [unclear] trucks, vehicles burning, everything. Well, we got to the camp and told them the news-- Nothing, Germans killed all over. For the next three weeks, I think, all we had to eat, and that is not right away. It was-- it must have been summertime, because those horses blew up real big and after they had exploded already they drug them, and we had to-- the man had to drug the horse in one at a time; one day, one horse, and they would cut the horse's head off and put it at the door of the kitchen, where you walk by to pick up your food. Flies all over it, prop it up so you can see the teeth they even put one-- you can put the stick into the mouth of the horse so it's open and you can really see the teeth, and all the smell and everything. They would give us food made from that meat. But you know? That didn't make any difference. That didn't make any difference.</w:t>
      </w:r>
    </w:p>
    <w:p>
      <w:pPr/>
      <w:r>
        <w:rPr>
          <w:rFonts w:ascii="Helvetica Light" w:hAnsi="Helvetica Light" w:cs="Helvetica Light"/>
          <w:sz w:val="24"/>
          <w:sz-cs w:val="24"/>
        </w:rPr>
        <w:t xml:space="preserve">JF:</w:t>
        <w:tab/>
        <w:t xml:space="preserve">You were too hungry-- or too desensitized?</w:t>
      </w:r>
    </w:p>
    <w:p>
      <w:pPr/>
      <w:r>
        <w:rPr>
          <w:rFonts w:ascii="Helvetica Light" w:hAnsi="Helvetica Light" w:cs="Helvetica Light"/>
          <w:sz w:val="24"/>
          <w:sz-cs w:val="24"/>
        </w:rPr>
        <w:t xml:space="preserve">MT:</w:t>
        <w:tab/>
        <w:t xml:space="preserve">I don't know. It didn't change the taste. It didn't do anything. It's unreal, you know. I think about it now. It didn't make any difference. The food didn't taste different. The food was not different.</w:t>
      </w:r>
    </w:p>
    <w:p>
      <w:pPr/>
      <w:r>
        <w:rPr>
          <w:rFonts w:ascii="Helvetica Light" w:hAnsi="Helvetica Light" w:cs="Helvetica Light"/>
          <w:sz w:val="24"/>
          <w:sz-cs w:val="24"/>
        </w:rPr>
        <w:t xml:space="preserve">JF:</w:t>
        <w:tab/>
        <w:t xml:space="preserve">You said the food in this camp was particularly bad?</w:t>
      </w:r>
    </w:p>
    <w:p>
      <w:pPr/>
      <w:r>
        <w:rPr>
          <w:rFonts w:ascii="Helvetica Light" w:hAnsi="Helvetica Light" w:cs="Helvetica Light"/>
          <w:sz w:val="24"/>
          <w:sz-cs w:val="24"/>
        </w:rPr>
        <w:t xml:space="preserve">MT:</w:t>
        <w:tab/>
        <w:t xml:space="preserve">It was very bad. The Ukrainians would cook for themselves, let's say, potatoes, in those big kitchen-- whatever they call them, real huge floor-type pots, like what, 150-gallon jobs.</w:t>
      </w:r>
    </w:p>
    <w:p>
      <w:pPr/>
      <w:r>
        <w:rPr>
          <w:rFonts w:ascii="Helvetica Light" w:hAnsi="Helvetica Light" w:cs="Helvetica Light"/>
          <w:sz w:val="24"/>
          <w:sz-cs w:val="24"/>
        </w:rPr>
        <w:t xml:space="preserve">JF:</w:t>
        <w:tab/>
        <w:t xml:space="preserve">The vats?</w:t>
      </w:r>
    </w:p>
    <w:p>
      <w:pPr/>
      <w:r>
        <w:rPr>
          <w:rFonts w:ascii="Helvetica Light" w:hAnsi="Helvetica Light" w:cs="Helvetica Light"/>
          <w:sz w:val="24"/>
          <w:sz-cs w:val="24"/>
        </w:rPr>
        <w:t xml:space="preserve">MT:</w:t>
        <w:tab/>
        <w:t xml:space="preserve">The vats, whatever you call them, I donít know what you call them, that steam heats those things. They would cook their food in that, then they would throw some soap in or something, I don't know what, something that made it bluish-- they would throw a lot of water, they would throw a lot of potato peelings, unwashed, and whatever leftovers they had, I imagine they would throw into those containers. Put water, and I think they were putting some soap in probably to get even with us. But soap was hard to get. I don't know what made it bluish. All bluish water. Ugly. And then they would feed it to us, not hot, not cold, like lukewarm.</w:t>
      </w:r>
    </w:p>
    <w:p>
      <w:pPr/>
      <w:r>
        <w:rPr>
          <w:rFonts w:ascii="Helvetica Light" w:hAnsi="Helvetica Light" w:cs="Helvetica Light"/>
          <w:sz w:val="24"/>
          <w:sz-cs w:val="24"/>
        </w:rPr>
        <w:t xml:space="preserve">JF:</w:t>
        <w:tab/>
        <w:t xml:space="preserve">And that's what you would have, when, at noon-time?</w:t>
      </w:r>
    </w:p>
    <w:p>
      <w:pPr/>
      <w:r>
        <w:rPr>
          <w:rFonts w:ascii="Helvetica Light" w:hAnsi="Helvetica Light" w:cs="Helvetica Light"/>
          <w:sz w:val="24"/>
          <w:sz-cs w:val="24"/>
        </w:rPr>
        <w:t xml:space="preserve">MT:</w:t>
        <w:tab/>
        <w:t xml:space="preserve">Only once a day, once a day they would give it to us. It was-- when I was with women-- I guess it was around noon-time. Now, in the evening, men, I guess. So maybe it was twice a day.</w:t>
      </w:r>
    </w:p>
    <w:p>
      <w:pPr/>
      <w:r>
        <w:rPr>
          <w:rFonts w:ascii="Helvetica Light" w:hAnsi="Helvetica Light" w:cs="Helvetica Light"/>
          <w:sz w:val="24"/>
          <w:sz-cs w:val="24"/>
        </w:rPr>
        <w:t xml:space="preserve">JF:</w:t>
        <w:tab/>
        <w:t xml:space="preserve">But that's the only food you got? There was no bread?</w:t>
      </w:r>
    </w:p>
    <w:p>
      <w:pPr/>
      <w:r>
        <w:rPr>
          <w:rFonts w:ascii="Helvetica Light" w:hAnsi="Helvetica Light" w:cs="Helvetica Light"/>
          <w:sz w:val="24"/>
          <w:sz-cs w:val="24"/>
        </w:rPr>
        <w:t xml:space="preserve">MT:</w:t>
        <w:tab/>
        <w:t xml:space="preserve">No, and when we would get us this liquid, and it would go right through you. It was unreal. And if somebody would find a piece of meat, or something, they would share it, give it to the kid. Share it. By mistake there is meat in this mixture.</w:t>
      </w:r>
    </w:p>
    <w:p>
      <w:pPr/>
      <w:r>
        <w:rPr>
          <w:rFonts w:ascii="Helvetica Light" w:hAnsi="Helvetica Light" w:cs="Helvetica Light"/>
          <w:sz w:val="24"/>
          <w:sz-cs w:val="24"/>
        </w:rPr>
        <w:t xml:space="preserve">JF:</w:t>
        <w:tab/>
        <w:t xml:space="preserve">You describe the horse and the horse meat that must have been used at some point. Was that-- that was an exception, then?</w:t>
      </w:r>
    </w:p>
    <w:p>
      <w:pPr/>
      <w:r>
        <w:rPr>
          <w:rFonts w:ascii="Helvetica Light" w:hAnsi="Helvetica Light" w:cs="Helvetica Light"/>
          <w:sz w:val="24"/>
          <w:sz-cs w:val="24"/>
        </w:rPr>
        <w:t xml:space="preserve">MT:</w:t>
        <w:tab/>
        <w:t xml:space="preserve">That was an exception because they were killed a couple of days prior to this. But that was all not sanitary, and everything was cooked to be sanitary. I remember looking around the trash, finding some potatoes and grabbing that. That was more delicious than apples. If you found a potato some place, that was very good. You got completely dehumanized. You had no more feelings about anything. After a couple showers like that, and all that food, and all that nonsense. In the morning, "Good morning" was Ukrainians would open the door and yell, "Alles M‰nner heraus. Verfluchte Donnerwetter, alles M‰nner heraus!"  "Damn it to hell whatever. All men, get out." That was good morning. Let's work. Then you had to work, but you always had Verfluchte Donnerwetter!  "Damn it to hell," or "God damn it to hell!  All the men out!" Then you went.</w:t>
      </w:r>
    </w:p>
    <w:p>
      <w:pPr/>
      <w:r>
        <w:rPr>
          <w:rFonts w:ascii="Helvetica Light" w:hAnsi="Helvetica Light" w:cs="Helvetica Light"/>
          <w:sz w:val="24"/>
          <w:sz-cs w:val="24"/>
        </w:rPr>
        <w:t xml:space="preserve">JF:</w:t>
        <w:tab/>
        <w:t xml:space="preserve">Was there any kind of religious observance in the camp?</w:t>
      </w:r>
    </w:p>
    <w:p>
      <w:pPr/>
      <w:r>
        <w:rPr>
          <w:rFonts w:ascii="Helvetica Light" w:hAnsi="Helvetica Light" w:cs="Helvetica Light"/>
          <w:sz w:val="24"/>
          <w:sz-cs w:val="24"/>
        </w:rPr>
        <w:t xml:space="preserve">MT:</w:t>
        <w:tab/>
        <w:t xml:space="preserve">There was once that I remember. I'm glad that you asked that. And I think that's why I can't-- I feel very blue around holidays: Easter, Christmas, I feel terribly depressed. We had, I think it was Easter or something, in one of their garages or something. I remember a big Hitler's portrait, very high, a very big one and underneath they had some kind of a table, altar, Ukrainian Orthodox. Monks were all around it, they dressed differently, and they were singing to Hitler, praying to Hitler, but mentioning God in there, for God to help Hitler, and [unclear] the whole German nation. Ya, that was the religious ceremony we went to.</w:t>
      </w:r>
    </w:p>
    <w:p>
      <w:pPr/>
      <w:r>
        <w:rPr>
          <w:rFonts w:ascii="Helvetica Light" w:hAnsi="Helvetica Light" w:cs="Helvetica Light"/>
          <w:sz w:val="24"/>
          <w:sz-cs w:val="24"/>
        </w:rPr>
        <w:t xml:space="preserve">JF:</w:t>
        <w:tab/>
        <w:t xml:space="preserve">This was in the last camp?</w:t>
      </w:r>
    </w:p>
    <w:p>
      <w:pPr/>
      <w:r>
        <w:rPr>
          <w:rFonts w:ascii="Helvetica Light" w:hAnsi="Helvetica Light" w:cs="Helvetica Light"/>
          <w:sz w:val="24"/>
          <w:sz-cs w:val="24"/>
        </w:rPr>
        <w:t xml:space="preserve">MT:</w:t>
        <w:tab/>
        <w:t xml:space="preserve">The last camp, yes.</w:t>
      </w:r>
    </w:p>
    <w:p>
      <w:pPr/>
      <w:r>
        <w:rPr>
          <w:rFonts w:ascii="Helvetica Light" w:hAnsi="Helvetica Light" w:cs="Helvetica Light"/>
          <w:sz w:val="24"/>
          <w:sz-cs w:val="24"/>
        </w:rPr>
        <w:t xml:space="preserve">JF:</w:t>
        <w:tab/>
        <w:t xml:space="preserve">Who was leading them?</w:t>
      </w:r>
    </w:p>
    <w:p>
      <w:pPr/>
      <w:r>
        <w:rPr>
          <w:rFonts w:ascii="Helvetica Light" w:hAnsi="Helvetica Light" w:cs="Helvetica Light"/>
          <w:sz w:val="24"/>
          <w:sz-cs w:val="24"/>
        </w:rPr>
        <w:t xml:space="preserve">MT:</w:t>
        <w:tab/>
        <w:t xml:space="preserve">There? There it was their side that they felt probably we need religion. They were Ukrainians. They were allowed to have their religion but they probably felt that this was a sacred time. We should probably allow the rest of the animals to also enjoy this. But I still remember praying, not us, but them praying to Hitler in their language. I never took Ukrainian, but I could understand, because the words are similar. They were Slavish.</w:t>
      </w:r>
    </w:p>
    <w:p>
      <w:pPr/>
      <w:r>
        <w:rPr>
          <w:rFonts w:ascii="Helvetica Light" w:hAnsi="Helvetica Light" w:cs="Helvetica Light"/>
          <w:sz w:val="24"/>
          <w:sz-cs w:val="24"/>
        </w:rPr>
        <w:t xml:space="preserve">JF:</w:t>
        <w:tab/>
        <w:t xml:space="preserve">It was the one time that that would happen?</w:t>
      </w:r>
    </w:p>
    <w:p>
      <w:pPr/>
      <w:r>
        <w:rPr>
          <w:rFonts w:ascii="Helvetica Light" w:hAnsi="Helvetica Light" w:cs="Helvetica Light"/>
          <w:sz w:val="24"/>
          <w:sz-cs w:val="24"/>
        </w:rPr>
        <w:t xml:space="preserve">MT:</w:t>
        <w:tab/>
        <w:t xml:space="preserve">That was the only time that I remember. No other thing. Never any school, there was never any medical, nothing.</w:t>
      </w:r>
    </w:p>
    <w:p>
      <w:pPr/>
      <w:r>
        <w:rPr>
          <w:rFonts w:ascii="Helvetica Light" w:hAnsi="Helvetica Light" w:cs="Helvetica Light"/>
          <w:sz w:val="24"/>
          <w:sz-cs w:val="24"/>
        </w:rPr>
        <w:t xml:space="preserve">JF:</w:t>
        <w:tab/>
        <w:t xml:space="preserve">There was no schooling?</w:t>
      </w:r>
    </w:p>
    <w:p>
      <w:pPr/>
      <w:r>
        <w:rPr>
          <w:rFonts w:ascii="Helvetica Light" w:hAnsi="Helvetica Light" w:cs="Helvetica Light"/>
          <w:sz w:val="24"/>
          <w:sz-cs w:val="24"/>
        </w:rPr>
        <w:t xml:space="preserve">MT:</w:t>
        <w:tab/>
        <w:t xml:space="preserve">Never. Nothing.</w:t>
      </w:r>
    </w:p>
    <w:p>
      <w:pPr/>
      <w:r>
        <w:rPr>
          <w:rFonts w:ascii="Helvetica Light" w:hAnsi="Helvetica Light" w:cs="Helvetica Light"/>
          <w:sz w:val="24"/>
          <w:sz-cs w:val="24"/>
        </w:rPr>
        <w:t xml:space="preserve">JF:</w:t>
        <w:tab/>
        <w:t xml:space="preserve">Were you able to maintain any kind of time, either individually or with your family, for any kind of prayer? Did that help at all?</w:t>
      </w:r>
    </w:p>
    <w:p>
      <w:pPr/>
      <w:r>
        <w:rPr>
          <w:rFonts w:ascii="Helvetica Light" w:hAnsi="Helvetica Light" w:cs="Helvetica Light"/>
          <w:sz w:val="24"/>
          <w:sz-cs w:val="24"/>
        </w:rPr>
        <w:t xml:space="preserve">MT:</w:t>
        <w:tab/>
        <w:t xml:space="preserve">It never happened. On the trains I remember that they were singing religious songs, never political, just religious, to keep them alive because it was cold. Just to get everybody involved, I guess, psychologically to get them involved. Not to give up. Later on, as soon as we hit the camps, they removed all that. Nobody ever talked. Period. About anything. </w:t>
      </w:r>
    </w:p>
    <w:p>
      <w:pPr/>
      <w:r>
        <w:rPr>
          <w:rFonts w:ascii="Helvetica Light" w:hAnsi="Helvetica Light" w:cs="Helvetica Light"/>
          <w:sz w:val="24"/>
          <w:sz-cs w:val="24"/>
        </w:rPr>
        <w:t xml:space="preserve">JF:</w:t>
        <w:tab/>
        <w:t xml:space="preserve">Did you find that you used or relied on religion at all as an individual?</w:t>
      </w:r>
    </w:p>
    <w:p>
      <w:pPr/>
      <w:r>
        <w:rPr>
          <w:rFonts w:ascii="Helvetica Light" w:hAnsi="Helvetica Light" w:cs="Helvetica Light"/>
          <w:sz w:val="24"/>
          <w:sz-cs w:val="24"/>
        </w:rPr>
        <w:t xml:space="preserve">MT:</w:t>
        <w:tab/>
        <w:t xml:space="preserve">Yes. Yes. Deeply. For some reason that is the only thing I think that helped us to survive: hoping that there is a miracle around the corner. That something will happen. This cannot be allowed to go any further. May I stop at this point? [tape off and on] Religion actually was the only thing that even us as kids helped us to survive from day to day. For some reason we could communicate by just looking at each other into the eyes, and we all thought about the same thing, that perhaps tomorrow will change. Things will change, but we did not say it out loud because, I guess, you were not allowed to say it aloud.</w:t>
      </w:r>
    </w:p>
    <w:p>
      <w:pPr/>
      <w:r>
        <w:rPr>
          <w:rFonts w:ascii="Helvetica Light" w:hAnsi="Helvetica Light" w:cs="Helvetica Light"/>
          <w:sz w:val="24"/>
          <w:sz-cs w:val="24"/>
        </w:rPr>
        <w:t xml:space="preserve">JF:</w:t>
        <w:tab/>
        <w:t xml:space="preserve">This was you and your brothers?</w:t>
      </w:r>
    </w:p>
    <w:p>
      <w:pPr/>
      <w:r>
        <w:rPr>
          <w:rFonts w:ascii="Helvetica Light" w:hAnsi="Helvetica Light" w:cs="Helvetica Light"/>
          <w:sz w:val="24"/>
          <w:sz-cs w:val="24"/>
        </w:rPr>
        <w:t xml:space="preserve">MT:</w:t>
        <w:tab/>
        <w:t xml:space="preserve">Us. Me and my brothers and the parents. Every so often would try to catch their eye, which was very sad. Once you are in that type of situation, it is so sad that just the glimpse of somebody's eye tells you the whole story. You don't want to say why. Like my children. I get so upset. You tell them something and right away comes, "Why? Why?" And I say, "Well, can't you figure out something by yourself?"</w:t>
      </w:r>
    </w:p>
    <w:p>
      <w:pPr/>
      <w:r>
        <w:rPr>
          <w:rFonts w:ascii="Helvetica Light" w:hAnsi="Helvetica Light" w:cs="Helvetica Light"/>
          <w:sz w:val="24"/>
          <w:sz-cs w:val="24"/>
        </w:rPr>
        <w:t xml:space="preserve">JF:</w:t>
        <w:tab/>
        <w:t xml:space="preserve">There was, in other words, much more non-verbal kind of communication...?</w:t>
      </w:r>
    </w:p>
    <w:p>
      <w:pPr/>
      <w:r>
        <w:rPr>
          <w:rFonts w:ascii="Helvetica Light" w:hAnsi="Helvetica Light" w:cs="Helvetica Light"/>
          <w:sz w:val="24"/>
          <w:sz-cs w:val="24"/>
        </w:rPr>
        <w:t xml:space="preserve">MT:</w:t>
        <w:tab/>
        <w:t xml:space="preserve">Yes, it was like feeling. It wasn't body language, because there wasn't much of a body. But I think it was just like a...</w:t>
      </w:r>
    </w:p>
    <w:p>
      <w:pPr/>
      <w:r>
        <w:rPr>
          <w:rFonts w:ascii="Helvetica Light" w:hAnsi="Helvetica Light" w:cs="Helvetica Light"/>
          <w:sz w:val="24"/>
          <w:sz-cs w:val="24"/>
        </w:rPr>
        <w:t xml:space="preserve">JF:</w:t>
        <w:tab/>
        <w:t xml:space="preserve">There was certainly an intimacy about your experiences, shared knowledge of how you were feeling and what you were going through, really seemed to bring your family very close together.</w:t>
      </w:r>
    </w:p>
    <w:p>
      <w:pPr/>
      <w:r>
        <w:rPr>
          <w:rFonts w:ascii="Helvetica Light" w:hAnsi="Helvetica Light" w:cs="Helvetica Light"/>
          <w:sz w:val="24"/>
          <w:sz-cs w:val="24"/>
        </w:rPr>
        <w:t xml:space="preserve">MT:</w:t>
        <w:tab/>
        <w:t xml:space="preserve">I think that every family at that time was a very closely knit family. All the families in Europe, Jewish, Polish, all of them, and it must have been a terrible tragedy in each case, for each one of them, because what I am saying what I went through, which I didn't go through anything the feeling-- What kind of feeling did a parent have when he saw his child killed in front of him? We all were starved in front of our parents. Something else, something we could not allow right now to happen. If you have a child, to see somebody systematically cut down on food and eliminate their health and their well-being, systematically.</w:t>
      </w:r>
    </w:p>
    <w:p>
      <w:pPr/>
      <w:r>
        <w:rPr>
          <w:rFonts w:ascii="Helvetica Light" w:hAnsi="Helvetica Light" w:cs="Helvetica Light"/>
          <w:sz w:val="24"/>
          <w:sz-cs w:val="24"/>
        </w:rPr>
        <w:t xml:space="preserve">JF:</w:t>
        <w:tab/>
        <w:t xml:space="preserve">Did you have close contacts with other families or with other children in the camp, or was the family unit the key emotional nucleus for you?</w:t>
      </w:r>
    </w:p>
    <w:p>
      <w:pPr/>
      <w:r>
        <w:rPr>
          <w:rFonts w:ascii="Helvetica Light" w:hAnsi="Helvetica Light" w:cs="Helvetica Light"/>
          <w:sz w:val="24"/>
          <w:sz-cs w:val="24"/>
        </w:rPr>
        <w:t xml:space="preserve">MT:</w:t>
        <w:tab/>
        <w:t xml:space="preserve">It was actually a family unit, I would say, even though we were in the one barrack, but we were just a group of family.</w:t>
      </w:r>
    </w:p>
    <w:p>
      <w:pPr/>
      <w:r>
        <w:rPr>
          <w:rFonts w:ascii="Helvetica Light" w:hAnsi="Helvetica Light" w:cs="Helvetica Light"/>
          <w:sz w:val="24"/>
          <w:sz-cs w:val="24"/>
        </w:rPr>
        <w:t xml:space="preserve">JF:</w:t>
        <w:tab/>
        <w:t xml:space="preserve">The six of you, the eight of you?</w:t>
      </w:r>
    </w:p>
    <w:p>
      <w:pPr/>
      <w:r>
        <w:rPr>
          <w:rFonts w:ascii="Helvetica Light" w:hAnsi="Helvetica Light" w:cs="Helvetica Light"/>
          <w:sz w:val="24"/>
          <w:sz-cs w:val="24"/>
        </w:rPr>
        <w:t xml:space="preserve">MT:</w:t>
        <w:tab/>
        <w:t xml:space="preserve">Yes, I mean as far as the real intimate feeling of sharing this heat, of love that was not allowed to be expressed, I guess, through emotionally, just-- but kindness and sharing there was-- I remember it was throughout the whole system. If somebody was unable to walk, everybody would try to help him because soon as he fell, that was the end of it.</w:t>
      </w:r>
    </w:p>
    <w:p>
      <w:pPr/>
      <w:r>
        <w:rPr>
          <w:rFonts w:ascii="Helvetica Light" w:hAnsi="Helvetica Light" w:cs="Helvetica Light"/>
          <w:sz w:val="24"/>
          <w:sz-cs w:val="24"/>
        </w:rPr>
        <w:t xml:space="preserve">JF:</w:t>
        <w:tab/>
        <w:t xml:space="preserve">There was mutual support?</w:t>
      </w:r>
    </w:p>
    <w:p>
      <w:pPr/>
      <w:r>
        <w:rPr>
          <w:rFonts w:ascii="Helvetica Light" w:hAnsi="Helvetica Light" w:cs="Helvetica Light"/>
          <w:sz w:val="24"/>
          <w:sz-cs w:val="24"/>
        </w:rPr>
        <w:t xml:space="preserve">MT:</w:t>
        <w:tab/>
        <w:t xml:space="preserve">It was mutual because, I guess, they all knew they were in the same boat. There is no way out.</w:t>
      </w:r>
    </w:p>
    <w:p>
      <w:pPr/>
      <w:r>
        <w:rPr>
          <w:rFonts w:ascii="Helvetica Light" w:hAnsi="Helvetica Light" w:cs="Helvetica Light"/>
          <w:sz w:val="24"/>
          <w:sz-cs w:val="24"/>
        </w:rPr>
        <w:t xml:space="preserve">JF:</w:t>
        <w:tab/>
        <w:t xml:space="preserve">You talked before about the one boy who was working for the farmer and you and your brother had known him. Was there any talking, any dreaming, or remembering of times when you were not in this situation, or fantasies about what would be if you were not in this situation as far as what you would be doing? What kind of life you would be leading?</w:t>
      </w:r>
    </w:p>
    <w:p>
      <w:pPr/>
      <w:r>
        <w:rPr>
          <w:rFonts w:ascii="Helvetica Light" w:hAnsi="Helvetica Light" w:cs="Helvetica Light"/>
          <w:sz w:val="24"/>
          <w:sz-cs w:val="24"/>
        </w:rPr>
        <w:t xml:space="preserve">MT:</w:t>
        <w:tab/>
        <w:t xml:space="preserve">You see, I went through that same question. I asked myself many times. I did not have that. I believe what happens, once you are reduced to that level, you don't have any dreams. You don't recall anything. You just are where you are, but all that is not there. I don't have any recollection of wonderful-- in my case it was Christmas. It was always such a thing where you get presents. Nothing. Never. Never about anything. Or my friends, or playing ball, or something? Never. Yet I was so active before. Bicycles, everything.</w:t>
      </w:r>
    </w:p>
    <w:p>
      <w:pPr/>
      <w:r>
        <w:rPr>
          <w:rFonts w:ascii="Helvetica Light" w:hAnsi="Helvetica Light" w:cs="Helvetica Light"/>
          <w:sz w:val="24"/>
          <w:sz-cs w:val="24"/>
        </w:rPr>
        <w:t xml:space="preserve">JF:</w:t>
        <w:tab/>
        <w:t xml:space="preserve">You didn't think about these things?</w:t>
      </w:r>
    </w:p>
    <w:p>
      <w:pPr/>
      <w:r>
        <w:rPr>
          <w:rFonts w:ascii="Helvetica Light" w:hAnsi="Helvetica Light" w:cs="Helvetica Light"/>
          <w:sz w:val="24"/>
          <w:sz-cs w:val="24"/>
        </w:rPr>
        <w:t xml:space="preserve">MT:</w:t>
        <w:tab/>
        <w:t xml:space="preserve">No, never.</w:t>
      </w:r>
    </w:p>
    <w:p>
      <w:pPr/>
      <w:r>
        <w:rPr>
          <w:rFonts w:ascii="Helvetica Light" w:hAnsi="Helvetica Light" w:cs="Helvetica Light"/>
          <w:sz w:val="24"/>
          <w:sz-cs w:val="24"/>
        </w:rPr>
        <w:t xml:space="preserve">JF:</w:t>
        <w:tab/>
        <w:t xml:space="preserve">Do you think that the dehumanization process that you talked about befor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br w:type="page"/>
        <w:t xml:space="preserve"/>
        <w:br w:type="page"/>
        <w:t xml:space="preserve">Tape four, side two:</w:t>
      </w:r>
    </w:p>
    <w:p>
      <w:pPr/>
      <w:r>
        <w:rPr>
          <w:rFonts w:ascii="Helvetica Light" w:hAnsi="Helvetica Light" w:cs="Helvetica Light"/>
          <w:sz w:val="24"/>
          <w:sz-cs w:val="24"/>
        </w:rPr>
        <w:t xml:space="preserve">JF:</w:t>
        <w:tab/>
        <w:t xml:space="preserve">We were talking about whether or not such memories would have been part of the dehumanization process, or whether it was too painful to dream outside the present.</w:t>
      </w:r>
    </w:p>
    <w:p>
      <w:pPr/>
      <w:r>
        <w:rPr>
          <w:rFonts w:ascii="Helvetica Light" w:hAnsi="Helvetica Light" w:cs="Helvetica Light"/>
          <w:sz w:val="24"/>
          <w:sz-cs w:val="24"/>
        </w:rPr>
        <w:t xml:space="preserve">MT:</w:t>
        <w:tab/>
        <w:t xml:space="preserve">Well, I think it was perhaps two, both, but I think the dehumanization did play the major part in it. They removed this beautiful human dream, of becoming, of growing up to become somebody and to live up to your parents' dreams or perhaps to-- whatever. It was all removed. Then it was also painful to go back and, I believe, to play around with something you had before. Something that gave you pleasure. But, also, I think there was a third factor involved: that we were not given the opportunity, the chance, to actually think. That was taken. Each time you were yelled at, and you were pushed and you were moved, so whatever they did, somebody either thought of that, that that's the way to handle people or, if not, they did do a good job and they constantly kept you disturbed and ducking or whatever...</w:t>
      </w:r>
    </w:p>
    <w:p>
      <w:pPr/>
      <w:r>
        <w:rPr>
          <w:rFonts w:ascii="Helvetica Light" w:hAnsi="Helvetica Light" w:cs="Helvetica Light"/>
          <w:sz w:val="24"/>
          <w:sz-cs w:val="24"/>
        </w:rPr>
        <w:t xml:space="preserve">JF:</w:t>
        <w:tab/>
        <w:t xml:space="preserve">Your energies went toward that instead?</w:t>
      </w:r>
    </w:p>
    <w:p>
      <w:pPr/>
      <w:r>
        <w:rPr>
          <w:rFonts w:ascii="Helvetica Light" w:hAnsi="Helvetica Light" w:cs="Helvetica Light"/>
          <w:sz w:val="24"/>
          <w:sz-cs w:val="24"/>
        </w:rPr>
        <w:t xml:space="preserve">MT:</w:t>
        <w:tab/>
        <w:t xml:space="preserve">Yes, you never had actually a minute chance. I don't even remember dreaming. I just don't know how I slept, but I never had dreams. I often thought that perhaps when somebody is in jail he dreams about his family, dreams of that. That's not true. I don't believe you have those dreams. They are removed, or maybe it's the defensive mechanism in our subconscious mind that locks everything away. To keep you from losing whatever you have. You had a little mind. It is so easy for a child to lose his mind altogether, if you would realize and compare it to...</w:t>
      </w:r>
    </w:p>
    <w:p>
      <w:pPr/>
      <w:r>
        <w:rPr>
          <w:rFonts w:ascii="Helvetica Light" w:hAnsi="Helvetica Light" w:cs="Helvetica Light"/>
          <w:sz w:val="24"/>
          <w:sz-cs w:val="24"/>
        </w:rPr>
        <w:t xml:space="preserve">JF:</w:t>
        <w:tab/>
        <w:t xml:space="preserve">How was it when you were liberated, as far as this kind of thinking was concerned? Were you able to resume the fantasies and the thoughts of normal adolescence and that of an average adolescent at a later point, or do you feel that this time affected what happened to you later?</w:t>
      </w:r>
    </w:p>
    <w:p>
      <w:pPr/>
      <w:r>
        <w:rPr>
          <w:rFonts w:ascii="Helvetica Light" w:hAnsi="Helvetica Light" w:cs="Helvetica Light"/>
          <w:sz w:val="24"/>
          <w:sz-cs w:val="24"/>
        </w:rPr>
        <w:t xml:space="preserve">MT:</w:t>
        <w:tab/>
        <w:t xml:space="preserve">No, it did do something. It was a shock of a tremendous importance in my life. When we were liberated, first the Germans at night chased us out of the camp. The Americans did not bomb camps. Many times Germans would mark the camp with red cross on the roofs just to protect themselves. They could hide wherever they wanted in the camps, I guess. They were not destroyed. At night they switched places with us. The army went into the camp and they chased us into the woods. In the morning we were caught in the middle of war front. Americans are coming. We were in the woods, I think for three days. Again, no food. But we-- my father parked us and we made a little bed of leaves. It must have been-- it was May-- when we were liberated.</w:t>
      </w:r>
    </w:p>
    <w:p>
      <w:pPr/>
      <w:r>
        <w:rPr>
          <w:rFonts w:ascii="Helvetica Light" w:hAnsi="Helvetica Light" w:cs="Helvetica Light"/>
          <w:sz w:val="24"/>
          <w:sz-cs w:val="24"/>
        </w:rPr>
        <w:t xml:space="preserve">JF:</w:t>
        <w:tab/>
        <w:t xml:space="preserve">This was the liberation. You were kicked out into the woods so that the Army could...</w:t>
      </w:r>
    </w:p>
    <w:p>
      <w:pPr/>
      <w:r>
        <w:rPr>
          <w:rFonts w:ascii="Helvetica Light" w:hAnsi="Helvetica Light" w:cs="Helvetica Light"/>
          <w:sz w:val="24"/>
          <w:sz-cs w:val="24"/>
        </w:rPr>
        <w:t xml:space="preserve">MT:</w:t>
        <w:tab/>
        <w:t xml:space="preserve">Yes. Could take our place so that they would not be touched by the planes.</w:t>
      </w:r>
    </w:p>
    <w:p>
      <w:pPr/>
      <w:r>
        <w:rPr>
          <w:rFonts w:ascii="Helvetica Light" w:hAnsi="Helvetica Light" w:cs="Helvetica Light"/>
          <w:sz w:val="24"/>
          <w:sz-cs w:val="24"/>
        </w:rPr>
        <w:t xml:space="preserve">JF:</w:t>
        <w:tab/>
        <w:t xml:space="preserve">That was liberation?</w:t>
      </w:r>
    </w:p>
    <w:p>
      <w:pPr/>
      <w:r>
        <w:rPr>
          <w:rFonts w:ascii="Helvetica Light" w:hAnsi="Helvetica Light" w:cs="Helvetica Light"/>
          <w:sz w:val="24"/>
          <w:sz-cs w:val="24"/>
        </w:rPr>
        <w:t xml:space="preserve">MT:</w:t>
        <w:tab/>
        <w:t xml:space="preserve">That was liberation. So then we were caught between the fire, from Germans to the Americans. We were right in the middle. All the artillery and the machine guns and everything flying back and forth. We were very close to a stream, so we had water. Right next to the stream bed, we made our beds, just leaves and dried grass and we were laying on it, sleeping on that, just huddling together. I don't remember much sleeping. Anyway, there was constantly boom, boom and explosions everywhere. Every morning when my mother woke up she said, "I smell Darlings." Darlings were English cigarettes that she smoked in Hungary. They had a specific aroma. They were the good cigarettes which she forgot what a cigarette smells like, I guess. "I smell Darlings," and my father said, "No, there is no British forces here. It's wrong." And she said, "I smell it." Shortly after two soldiers came out with grenades hanging on their chest, different helmets that I ever saw.</w:t>
      </w:r>
    </w:p>
    <w:p>
      <w:pPr/>
      <w:r>
        <w:rPr>
          <w:rFonts w:ascii="Helvetica Light" w:hAnsi="Helvetica Light" w:cs="Helvetica Light"/>
          <w:sz w:val="24"/>
          <w:sz-cs w:val="24"/>
        </w:rPr>
        <w:t xml:space="preserve">JF:</w:t>
        <w:tab/>
        <w:t xml:space="preserve">British?</w:t>
      </w:r>
    </w:p>
    <w:p>
      <w:pPr/>
      <w:r>
        <w:rPr>
          <w:rFonts w:ascii="Helvetica Light" w:hAnsi="Helvetica Light" w:cs="Helvetica Light"/>
          <w:sz w:val="24"/>
          <w:sz-cs w:val="24"/>
        </w:rPr>
        <w:t xml:space="preserve">MT:</w:t>
        <w:tab/>
        <w:t xml:space="preserve">With guns. Americans.</w:t>
      </w:r>
    </w:p>
    <w:p>
      <w:pPr/>
      <w:r>
        <w:rPr>
          <w:rFonts w:ascii="Helvetica Light" w:hAnsi="Helvetica Light" w:cs="Helvetica Light"/>
          <w:sz w:val="24"/>
          <w:sz-cs w:val="24"/>
        </w:rPr>
        <w:t xml:space="preserve">JF:</w:t>
        <w:tab/>
        <w:t xml:space="preserve">Um'm.</w:t>
      </w:r>
    </w:p>
    <w:p>
      <w:pPr/>
      <w:r>
        <w:rPr>
          <w:rFonts w:ascii="Helvetica Light" w:hAnsi="Helvetica Light" w:cs="Helvetica Light"/>
          <w:sz w:val="24"/>
          <w:sz-cs w:val="24"/>
        </w:rPr>
        <w:t xml:space="preserve">MT:</w:t>
        <w:tab/>
        <w:t xml:space="preserve">My father had found an old ax, because we went through some caves that were a castle not far away, they chased us out. Not too far from the camp was a big castle. He found an ancient ax, with a part of the handle on it. It was to protect us from what, I don't know. He reached for the ax and they screamed, and yelled at him and jumped on his hand. He said, "Polisher" in German: "We are Polish."  They called-- the guy didnít couldnít speak any language, I guess. The American, he called an interpreter.  It was a Polish guy from around upstate Pennsylvania, I think. He spoke some Polish. My father prepared bunkers around the castle, protective bunkers from-- if invasion forces will be coming. So he sketched out the plan of the bunker. He said, "You are bombing the castle. It is not the castle that the Germans are in," and he showed them what-- He said, ìI was working there and I know, and it is so far from the camp, and in the camp there are no civilians anymore, they are army." Well, everything went on alert and they sent us back, but they would not give us any kind of protection. They just told us to go back. My mother ripped whatever she had. We put it on a stick and we were carrying it like a flag. It wasnít too white, because we didnít have anything white. It must have been very grayish, but that was the only cloth that she had. Airplanes would be diving right, almost hitting us, and recognizing that we were just a bunch of nothing, that we were not soldiers-- an awful lot of shooting. Everybody was shooting. Everything was going on and we were just walking. Artillery shells were exploding all around, but we thought after we told them that they would give us some protection, and take us on a jeep or something. Of course, we didnít know what a jeep was. Now we worked our way back towards the American back lines. They told us not to touch any food. Americans are big eaters; they had an awful lot of cans, cans of food, and it was laying all around, and they told us not to touch it because a lot of it was booby trapped by Germans and it could explode. Well, that didnít mean anything. Nobody heard that. We were grabbing everything we could. And Americans didnít finish their food. They just start something open, they didnít like it, I guess and we were-- no utensils or anything.  Just eating all that-- butter. They had cans of butter. Butter was  like-- I wouldnít touch it now. Well, we went back and one of the soldiers asked my mother or my father what time it is. My mother still had her watch, it was a Wittnauer, not Wittnauer, but Longines. As soon as she went like that, he removed it from her hand. Oh, my God. This was when my father went berserk. On Hungarian border, he said he wants to see an officer. They gave her back her watch. It was a mistake. I guess they didnít realize weíre Polish, or something. Just straight out of-- nonsense camp. Thatís the brutality of the war, that actually even the good people will get sucked into it, do things that were not necessary. But he thought he will get whatever he can from, because this was his first probably encounter with-- anyway. But then, they gave me a bar of chocolate, a soldier, and I went out like a light. I ate maybe a Hershey bar. I remember. I ate maybe one fourth of it and I was out, unconscious for two weeks. It was not poison, but my body was not able to handle that rich food, and I was in terrible fever and everything. They told me later on I had whatever some kind of poison and they put everybody on a strict diet.</w:t>
      </w:r>
    </w:p>
    <w:p>
      <w:pPr/>
      <w:r>
        <w:rPr>
          <w:rFonts w:ascii="Helvetica Light" w:hAnsi="Helvetica Light" w:cs="Helvetica Light"/>
          <w:sz w:val="24"/>
          <w:sz-cs w:val="24"/>
        </w:rPr>
        <w:t xml:space="preserve">JF:</w:t>
        <w:tab/>
        <w:t xml:space="preserve">Where were you during the time that you were so ill?</w:t>
      </w:r>
    </w:p>
    <w:p>
      <w:pPr/>
      <w:r>
        <w:rPr>
          <w:rFonts w:ascii="Helvetica Light" w:hAnsi="Helvetica Light" w:cs="Helvetica Light"/>
          <w:sz w:val="24"/>
          <w:sz-cs w:val="24"/>
        </w:rPr>
        <w:t xml:space="preserve">MT:</w:t>
        <w:tab/>
        <w:t xml:space="preserve">It was in camp. After that they took us back in camp; I donít know how we got back to camp. I got back to camp. I remember it was night and then everything, the lights went out.</w:t>
      </w:r>
    </w:p>
    <w:p>
      <w:pPr/>
      <w:r>
        <w:rPr>
          <w:rFonts w:ascii="Helvetica Light" w:hAnsi="Helvetica Light" w:cs="Helvetica Light"/>
          <w:sz w:val="24"/>
          <w:sz-cs w:val="24"/>
        </w:rPr>
        <w:t xml:space="preserve">JF:</w:t>
        <w:tab/>
        <w:t xml:space="preserve">This was in Neumark.</w:t>
      </w:r>
    </w:p>
    <w:p>
      <w:pPr/>
      <w:r>
        <w:rPr>
          <w:rFonts w:ascii="Helvetica Light" w:hAnsi="Helvetica Light" w:cs="Helvetica Light"/>
          <w:sz w:val="24"/>
          <w:sz-cs w:val="24"/>
        </w:rPr>
        <w:t xml:space="preserve">MT:</w:t>
        <w:tab/>
        <w:t xml:space="preserve">Neumark. All day we were running around. Theyíre fighting and they captured without killing one soldier, without losing their soldiers or killing anybody. They captured all those Germans. Actually, as a matter of fact, my father should get some kind of prize for that. There was nothing: no loss of life, capturing all those Germans. On either side. They were just surrounded and then they gave up.</w:t>
      </w:r>
    </w:p>
    <w:p>
      <w:pPr/>
      <w:r>
        <w:rPr>
          <w:rFonts w:ascii="Helvetica Light" w:hAnsi="Helvetica Light" w:cs="Helvetica Light"/>
          <w:sz w:val="24"/>
          <w:sz-cs w:val="24"/>
        </w:rPr>
        <w:t xml:space="preserve">JF:</w:t>
        <w:tab/>
        <w:t xml:space="preserve">You say your father should have gotten...</w:t>
      </w:r>
    </w:p>
    <w:p>
      <w:pPr/>
      <w:r>
        <w:rPr>
          <w:rFonts w:ascii="Helvetica Light" w:hAnsi="Helvetica Light" w:cs="Helvetica Light"/>
          <w:sz w:val="24"/>
          <w:sz-cs w:val="24"/>
        </w:rPr>
        <w:t xml:space="preserve">MT:</w:t>
        <w:tab/>
        <w:t xml:space="preserve">A medal for that. Some recognition for telling them where they are and they were able to take them without a fight. They just surrounded them and told them, "You are surrounded and it is up to you." Somebody was smart and they gave up. Well, I was out for two weeks and later on I developed a brain-cell inflammation. It is meninges, or something.</w:t>
      </w:r>
    </w:p>
    <w:p>
      <w:pPr/>
      <w:r>
        <w:rPr>
          <w:rFonts w:ascii="Helvetica Light" w:hAnsi="Helvetica Light" w:cs="Helvetica Light"/>
          <w:sz w:val="24"/>
          <w:sz-cs w:val="24"/>
        </w:rPr>
        <w:t xml:space="preserve">JF:</w:t>
        <w:tab/>
        <w:t xml:space="preserve">Meningitis?</w:t>
      </w:r>
    </w:p>
    <w:p>
      <w:pPr/>
      <w:r>
        <w:rPr>
          <w:rFonts w:ascii="Helvetica Light" w:hAnsi="Helvetica Light" w:cs="Helvetica Light"/>
          <w:sz w:val="24"/>
          <w:sz-cs w:val="24"/>
        </w:rPr>
        <w:t xml:space="preserve">MT:</w:t>
        <w:tab/>
        <w:t xml:space="preserve">Of the brain, meningitis? The brain-- it was. It got inflamed on me. So, again I was out. There was no medical facility. The first American troops that went through, they did not have medical staff for us. They were just a fighting force, and when the second wave came through, the mop-up patrol, they came through with medics. But before they got to me, I was already again unconscious, a terrible temperature and nothing to fight it. My father had to dig a hole in the ground and have two bottles, like wine bottles, fill them up with water, let them down as deep as he can. Cool it, then they would apply compresses to my head to cool me. There was nothing, no ice, no aspirin even, no nothing.</w:t>
      </w:r>
    </w:p>
    <w:p>
      <w:pPr/>
      <w:r>
        <w:rPr>
          <w:rFonts w:ascii="Helvetica Light" w:hAnsi="Helvetica Light" w:cs="Helvetica Light"/>
          <w:sz w:val="24"/>
          <w:sz-cs w:val="24"/>
        </w:rPr>
        <w:t xml:space="preserve">JF:</w:t>
        <w:tab/>
        <w:t xml:space="preserve">Who was in charge of the camp?</w:t>
      </w:r>
    </w:p>
    <w:p>
      <w:pPr/>
      <w:r>
        <w:rPr>
          <w:rFonts w:ascii="Helvetica Light" w:hAnsi="Helvetica Light" w:cs="Helvetica Light"/>
          <w:sz w:val="24"/>
          <w:sz-cs w:val="24"/>
        </w:rPr>
        <w:t xml:space="preserve">MT:</w:t>
        <w:tab/>
        <w:t xml:space="preserve">At that time nobody. Nobody. It was sad. There was nobody but, of course, it was better than those other animals. If I would have developed any of that sooner, I would have died. They would have just thrown me to the side. So, that was it. But before-- I jumped over one thing. When they did liberate, before I got this brain-cell inflammation, Americans gave the camps, camp people, three days to settle their differences with people that were in charge of them, people in town, whatever. Well, for some reason, my parents knew what it meant. I guess every adult knew what it meant: settle your differences, because after these three days there would be courts and everything. There would be no more free hand, get-even. They removed us from that scene, so I havenít seen anything, but later on I heard of terrible things that were happening. They removed us to a village nearby. Veen, they called it, and I remember I had some kind of sour soup that the German farmer prepared, and they had to take us in. Farmers didnít have a choice. They had to take us in as guests, into the farmhouse, because that was already occupied by American forces. So we went in there and they had rooms and they had to take us in. </w:t>
      </w:r>
    </w:p>
    <w:p>
      <w:pPr/>
      <w:r>
        <w:rPr>
          <w:rFonts w:ascii="Helvetica Light" w:hAnsi="Helvetica Light" w:cs="Helvetica Light"/>
          <w:sz w:val="24"/>
          <w:sz-cs w:val="24"/>
        </w:rPr>
        <w:t xml:space="preserve">JF:</w:t>
        <w:tab/>
        <w:t xml:space="preserve">What was their attitude towards you?</w:t>
      </w:r>
    </w:p>
    <w:p>
      <w:pPr/>
      <w:r>
        <w:rPr>
          <w:rFonts w:ascii="Helvetica Light" w:hAnsi="Helvetica Light" w:cs="Helvetica Light"/>
          <w:sz w:val="24"/>
          <w:sz-cs w:val="24"/>
        </w:rPr>
        <w:t xml:space="preserve">MT:</w:t>
        <w:tab/>
        <w:t xml:space="preserve">Not bad. I donít remember anything nasty from them. The food was tremendous. We never saw that much food in our lives. They were not nasty, but at night it was very scary, and they were scared and I guess they told my parents that we are making it worse. They had those shutters, window shutters, that they had to close at night, because that was the type of territory they lived in. At that time there was a lot of German soldiers that were still hiding in the forest. They did not want to surrender. There was still like guerrillas fighting, quiet tactics, and they would come around to those homes, I remember, at night. They would be hitting on the window and telling them in German, "Open up. We are your brothers. We need food and we need this," and they would not open it for them. They were afraid.</w:t>
      </w:r>
    </w:p>
    <w:p>
      <w:pPr/>
      <w:r>
        <w:rPr>
          <w:rFonts w:ascii="Helvetica Light" w:hAnsi="Helvetica Light" w:cs="Helvetica Light"/>
          <w:sz w:val="24"/>
          <w:sz-cs w:val="24"/>
        </w:rPr>
        <w:t xml:space="preserve">JF:</w:t>
        <w:tab/>
        <w:t xml:space="preserve">You were recovered by this time from the illnesses that you had?</w:t>
      </w:r>
    </w:p>
    <w:p>
      <w:pPr/>
      <w:r>
        <w:rPr>
          <w:rFonts w:ascii="Helvetica Light" w:hAnsi="Helvetica Light" w:cs="Helvetica Light"/>
          <w:sz w:val="24"/>
          <w:sz-cs w:val="24"/>
        </w:rPr>
        <w:t xml:space="preserve">MT:</w:t>
        <w:tab/>
        <w:t xml:space="preserve">No, it was only the chocolate I had recovered from-- Not from Veen, sorry. When we went to Veen it was right after we went through the front. We went through the terrible front and everything, and we swung around to the camp and Americans declared three days of cleaning up. They finally captured the Germans and they have re-liberated the camp. At that time I was given a chocolate bar and I went unconscious.</w:t>
      </w:r>
    </w:p>
    <w:p>
      <w:pPr/>
      <w:r>
        <w:rPr>
          <w:rFonts w:ascii="Helvetica Light" w:hAnsi="Helvetica Light" w:cs="Helvetica Light"/>
          <w:sz w:val="24"/>
          <w:sz-cs w:val="24"/>
        </w:rPr>
        <w:t xml:space="preserve">JF:</w:t>
        <w:tab/>
        <w:t xml:space="preserve">And you were in the camp during that time?</w:t>
      </w:r>
    </w:p>
    <w:p>
      <w:pPr/>
      <w:r>
        <w:rPr>
          <w:rFonts w:ascii="Helvetica Light" w:hAnsi="Helvetica Light" w:cs="Helvetica Light"/>
          <w:sz w:val="24"/>
          <w:sz-cs w:val="24"/>
        </w:rPr>
        <w:t xml:space="preserve">MT:</w:t>
        <w:tab/>
        <w:t xml:space="preserve">I was in the camp. Huh. Thatís good. I was in the camp. But when did they give us? So that means the first group, the first group of soldiers that went through, they did not give us permission to kill or anything, but it was the second group of soldiers that came through, I guess...</w:t>
      </w:r>
    </w:p>
    <w:p>
      <w:pPr/>
      <w:r>
        <w:rPr>
          <w:rFonts w:ascii="Helvetica Light" w:hAnsi="Helvetica Light" w:cs="Helvetica Light"/>
          <w:sz w:val="24"/>
          <w:sz-cs w:val="24"/>
        </w:rPr>
        <w:t xml:space="preserve">JF:</w:t>
        <w:tab/>
        <w:t xml:space="preserve">It was a group of Americans that gave you permission.</w:t>
      </w:r>
    </w:p>
    <w:p>
      <w:pPr/>
      <w:r>
        <w:rPr>
          <w:rFonts w:ascii="Helvetica Light" w:hAnsi="Helvetica Light" w:cs="Helvetica Light"/>
          <w:sz w:val="24"/>
          <w:sz-cs w:val="24"/>
        </w:rPr>
        <w:t xml:space="preserve">MT:</w:t>
        <w:tab/>
        <w:t xml:space="preserve">Oh, yes. They were all Americans. The first group is the fighters. They just go through like a bulldozer and fight for the territory. The second group comes in and cleans up whatever wasnít done by the first group. Then the third group was the medical and the full established companies.</w:t>
      </w:r>
    </w:p>
    <w:p>
      <w:pPr/>
      <w:r>
        <w:rPr>
          <w:rFonts w:ascii="Helvetica Light" w:hAnsi="Helvetica Light" w:cs="Helvetica Light"/>
          <w:sz w:val="24"/>
          <w:sz-cs w:val="24"/>
        </w:rPr>
        <w:t xml:space="preserve">JF:</w:t>
        <w:tab/>
        <w:t xml:space="preserve">So it was the second group that gave you permission to pillage or kill, or whatever?</w:t>
      </w:r>
    </w:p>
    <w:p>
      <w:pPr/>
      <w:r>
        <w:rPr>
          <w:rFonts w:ascii="Helvetica Light" w:hAnsi="Helvetica Light" w:cs="Helvetica Light"/>
          <w:sz w:val="24"/>
          <w:sz-cs w:val="24"/>
        </w:rPr>
        <w:t xml:space="preserve">MT:</w:t>
        <w:tab/>
        <w:t xml:space="preserve">Not to pillage. Just to kill whoever was terrible to you, because they said, after this, they will have to be brought to court.</w:t>
      </w:r>
    </w:p>
    <w:p>
      <w:pPr/>
      <w:r>
        <w:rPr>
          <w:rFonts w:ascii="Helvetica Light" w:hAnsi="Helvetica Light" w:cs="Helvetica Light"/>
          <w:sz w:val="24"/>
          <w:sz-cs w:val="24"/>
        </w:rPr>
        <w:t xml:space="preserve">JF:</w:t>
        <w:tab/>
        <w:t xml:space="preserve">Was that common?</w:t>
      </w:r>
    </w:p>
    <w:p>
      <w:pPr/>
      <w:r>
        <w:rPr>
          <w:rFonts w:ascii="Helvetica Light" w:hAnsi="Helvetica Light" w:cs="Helvetica Light"/>
          <w:sz w:val="24"/>
          <w:sz-cs w:val="24"/>
        </w:rPr>
        <w:t xml:space="preserve">MT:</w:t>
        <w:tab/>
        <w:t xml:space="preserve">I think it was, but I think itís very-- not stupid. Itís very uncivilized. Itís something you donít want to do to a person whatís hurt badly. You donít want to give him the privilege.</w:t>
      </w:r>
    </w:p>
    <w:p>
      <w:pPr/>
      <w:r>
        <w:rPr>
          <w:rFonts w:ascii="Helvetica Light" w:hAnsi="Helvetica Light" w:cs="Helvetica Light"/>
          <w:sz w:val="24"/>
          <w:sz-cs w:val="24"/>
        </w:rPr>
        <w:t xml:space="preserve">JF:</w:t>
        <w:tab/>
        <w:t xml:space="preserve">To unleash all that aggression.</w:t>
      </w:r>
    </w:p>
    <w:p>
      <w:pPr/>
      <w:r>
        <w:rPr>
          <w:rFonts w:ascii="Helvetica Light" w:hAnsi="Helvetica Light" w:cs="Helvetica Light"/>
          <w:sz w:val="24"/>
          <w:sz-cs w:val="24"/>
        </w:rPr>
        <w:t xml:space="preserve">MT:</w:t>
        <w:tab/>
        <w:t xml:space="preserve">To get even, because then he will never live through this again. I think it was very, very bad.</w:t>
      </w:r>
    </w:p>
    <w:p>
      <w:pPr/>
      <w:r>
        <w:rPr>
          <w:rFonts w:ascii="Helvetica Light" w:hAnsi="Helvetica Light" w:cs="Helvetica Light"/>
          <w:sz w:val="24"/>
          <w:sz-cs w:val="24"/>
        </w:rPr>
        <w:t xml:space="preserve">JF:</w:t>
        <w:tab/>
        <w:t xml:space="preserve">But it was the American army that did this?</w:t>
      </w:r>
    </w:p>
    <w:p>
      <w:pPr/>
      <w:r>
        <w:rPr>
          <w:rFonts w:ascii="Helvetica Light" w:hAnsi="Helvetica Light" w:cs="Helvetica Light"/>
          <w:sz w:val="24"/>
          <w:sz-cs w:val="24"/>
        </w:rPr>
        <w:t xml:space="preserve">MT:</w:t>
        <w:tab/>
        <w:t xml:space="preserve">Oh, yes. I think they did it with the thought that after they saw what was happening to people, that this must be revenged some way. But some people, they were still capable of doing it. I heard they did capture some Ukrainians. They would try, with whatever they had, shovels or anything, to finish them off, and they said that they never knew that a person was so hard to kill, because always an arm or something was still moving. Now, I never saw this, because I was in the village. When we came to the village-- so that must have been-- it was still the second group that came through then. I ate the chocolate and then I went out, but we still did not have medics. Then the medical group came through and they put the whole camp on a strict diet of water, warm cereals, oatmeal, I think, water, and then after so many days there was a little milk in it, and oatmeal, and then finally, it was milk and oatmeal; you could drink milk separately, and so forth.</w:t>
      </w:r>
    </w:p>
    <w:p>
      <w:pPr/>
      <w:r>
        <w:rPr>
          <w:rFonts w:ascii="Helvetica Light" w:hAnsi="Helvetica Light" w:cs="Helvetica Light"/>
          <w:sz w:val="24"/>
          <w:sz-cs w:val="24"/>
        </w:rPr>
        <w:t xml:space="preserve">JF:</w:t>
        <w:tab/>
        <w:t xml:space="preserve">So, that when you talk about this brain-cell infection that you had, that was during the time that the medics were there?</w:t>
      </w:r>
    </w:p>
    <w:p>
      <w:pPr/>
      <w:r>
        <w:rPr>
          <w:rFonts w:ascii="Helvetica Light" w:hAnsi="Helvetica Light" w:cs="Helvetica Light"/>
          <w:sz w:val="24"/>
          <w:sz-cs w:val="24"/>
        </w:rPr>
        <w:t xml:space="preserve">MT:</w:t>
        <w:tab/>
        <w:t xml:space="preserve">Nope. That was before the medics got there, yet.</w:t>
      </w:r>
    </w:p>
    <w:p>
      <w:pPr/>
      <w:r>
        <w:rPr>
          <w:rFonts w:ascii="Helvetica Light" w:hAnsi="Helvetica Light" w:cs="Helvetica Light"/>
          <w:sz w:val="24"/>
          <w:sz-cs w:val="24"/>
        </w:rPr>
        <w:t xml:space="preserve">JF:</w:t>
        <w:tab/>
        <w:t xml:space="preserve">How was that diagnosed? How did they know what was going on with you?</w:t>
      </w:r>
    </w:p>
    <w:p>
      <w:pPr/>
      <w:r>
        <w:rPr>
          <w:rFonts w:ascii="Helvetica Light" w:hAnsi="Helvetica Light" w:cs="Helvetica Light"/>
          <w:sz w:val="24"/>
          <w:sz-cs w:val="24"/>
        </w:rPr>
        <w:t xml:space="preserve">MT:</w:t>
        <w:tab/>
        <w:t xml:space="preserve">There were some individuals in camps from Hungary-- and I donít know how it was diagnosed. It was diagnosed that I had a-- thatís a good one! There was nothing that they were giving me. I think, just cold compresses on my head. But I know that my parents were saying-- I always have to remember that because some day I might need to know that if some problems would develop, that I had that. I never questioned that. Itís a good point. I donít know how they diagnosed it, whether somebody knew enough, or whether my parents later on investigated it, and had somebody determine what, I donít know. And then things, you said, did things start coming to normal? Then, yes. There was no schools, but us as young boys-- I donít remember girls. We were not interested in girls at all for some reason. And I was at an age when I should have been looking already at girls. </w:t>
      </w:r>
    </w:p>
    <w:p>
      <w:pPr/>
      <w:r>
        <w:rPr>
          <w:rFonts w:ascii="Helvetica Light" w:hAnsi="Helvetica Light" w:cs="Helvetica Light"/>
          <w:sz w:val="24"/>
          <w:sz-cs w:val="24"/>
        </w:rPr>
        <w:t xml:space="preserve">JF:</w:t>
        <w:tab/>
        <w:t xml:space="preserve">It was an age, you said, when you should have been looking, but you werenít interested.</w:t>
      </w:r>
    </w:p>
    <w:p>
      <w:pPr/>
      <w:r>
        <w:rPr>
          <w:rFonts w:ascii="Helvetica Light" w:hAnsi="Helvetica Light" w:cs="Helvetica Light"/>
          <w:sz w:val="24"/>
          <w:sz-cs w:val="24"/>
        </w:rPr>
        <w:t xml:space="preserve">MT:</w:t>
        <w:tab/>
        <w:t xml:space="preserve">No, not at all. After I got well and so forth, a certain time, I donít even remember, my brother got well, we started to form like boy scouts. My older brother was always the leader. He would be the group pack leader and we would go and try to imitate what we did in Hungary, when we were boy scouts there, younger, and going with parents, with father into the woods with the rest of the boys, organized. We started doing the same things. Walking around and trying to pick the berries, because there was nothing else. You couldnít make hamburgers or hot dogs. But we would pick the berries and so forth, and we would play, not army, but play like we were Knights of the Round Table, or something. That was the only getting back to normal. There was nothing, no toys, no nothing.</w:t>
      </w:r>
    </w:p>
    <w:p>
      <w:pPr/>
      <w:r>
        <w:rPr>
          <w:rFonts w:ascii="Helvetica Light" w:hAnsi="Helvetica Light" w:cs="Helvetica Light"/>
          <w:sz w:val="24"/>
          <w:sz-cs w:val="24"/>
        </w:rPr>
        <w:t xml:space="preserve">JF:</w:t>
        <w:tab/>
        <w:t xml:space="preserve">You were at that time about 12?</w:t>
      </w:r>
    </w:p>
    <w:p>
      <w:pPr/>
      <w:r>
        <w:rPr>
          <w:rFonts w:ascii="Helvetica Light" w:hAnsi="Helvetica Light" w:cs="Helvetica Light"/>
          <w:sz w:val="24"/>
          <w:sz-cs w:val="24"/>
        </w:rPr>
        <w:t xml:space="preserve">MT:</w:t>
        <w:tab/>
        <w:t xml:space="preserve">Twelve. Must have been 12 in ë45. I was ë34. [born in ë34]</w:t>
      </w:r>
    </w:p>
    <w:p>
      <w:pPr/>
      <w:r>
        <w:rPr>
          <w:rFonts w:ascii="Helvetica Light" w:hAnsi="Helvetica Light" w:cs="Helvetica Light"/>
          <w:sz w:val="24"/>
          <w:sz-cs w:val="24"/>
        </w:rPr>
        <w:t xml:space="preserve">JF:</w:t>
        <w:tab/>
        <w:t xml:space="preserve">Twelve and a half, perhaps. You were still living in the camp?</w:t>
      </w:r>
    </w:p>
    <w:p>
      <w:pPr/>
      <w:r>
        <w:rPr>
          <w:rFonts w:ascii="Helvetica Light" w:hAnsi="Helvetica Light" w:cs="Helvetica Light"/>
          <w:sz w:val="24"/>
          <w:sz-cs w:val="24"/>
        </w:rPr>
        <w:t xml:space="preserve">MT:</w:t>
        <w:tab/>
        <w:t xml:space="preserve">Oh, yes, but that was a sad set-up. We lived in camps until we left Germany.</w:t>
      </w:r>
    </w:p>
    <w:p>
      <w:pPr/>
      <w:r>
        <w:rPr>
          <w:rFonts w:ascii="Helvetica Light" w:hAnsi="Helvetica Light" w:cs="Helvetica Light"/>
          <w:sz w:val="24"/>
          <w:sz-cs w:val="24"/>
        </w:rPr>
        <w:t xml:space="preserve">JF:</w:t>
        <w:tab/>
        <w:t xml:space="preserve">How long was that?</w:t>
      </w:r>
    </w:p>
    <w:p>
      <w:pPr/>
      <w:r>
        <w:rPr>
          <w:rFonts w:ascii="Helvetica Light" w:hAnsi="Helvetica Light" w:cs="Helvetica Light"/>
          <w:sz w:val="24"/>
          <w:sz-cs w:val="24"/>
        </w:rPr>
        <w:t xml:space="preserve">MT:</w:t>
        <w:tab/>
        <w:t xml:space="preserve">Until ë49. I arrived in Boston, Massachusetts, on August 27, 1949.</w:t>
      </w:r>
    </w:p>
    <w:p>
      <w:pPr/>
      <w:r>
        <w:rPr>
          <w:rFonts w:ascii="Helvetica Light" w:hAnsi="Helvetica Light" w:cs="Helvetica Light"/>
          <w:sz w:val="24"/>
          <w:sz-cs w:val="24"/>
        </w:rPr>
        <w:t xml:space="preserve">JF:</w:t>
        <w:tab/>
        <w:t xml:space="preserve">Were you still living in the same camp?</w:t>
      </w:r>
    </w:p>
    <w:p>
      <w:pPr/>
      <w:r>
        <w:rPr>
          <w:rFonts w:ascii="Helvetica Light" w:hAnsi="Helvetica Light" w:cs="Helvetica Light"/>
          <w:sz w:val="24"/>
          <w:sz-cs w:val="24"/>
        </w:rPr>
        <w:t xml:space="preserve">MT:</w:t>
        <w:tab/>
        <w:t xml:space="preserve">No.</w:t>
      </w:r>
    </w:p>
    <w:p>
      <w:pPr/>
      <w:r>
        <w:rPr>
          <w:rFonts w:ascii="Helvetica Light" w:hAnsi="Helvetica Light" w:cs="Helvetica Light"/>
          <w:sz w:val="24"/>
          <w:sz-cs w:val="24"/>
        </w:rPr>
        <w:t xml:space="preserve">JF:</w:t>
        <w:tab/>
        <w:t xml:space="preserve">These were different DP camps, then?</w:t>
      </w:r>
    </w:p>
    <w:p>
      <w:pPr/>
      <w:r>
        <w:rPr>
          <w:rFonts w:ascii="Helvetica Light" w:hAnsi="Helvetica Light" w:cs="Helvetica Light"/>
          <w:sz w:val="24"/>
          <w:sz-cs w:val="24"/>
        </w:rPr>
        <w:t xml:space="preserve">MT:</w:t>
        <w:tab/>
        <w:t xml:space="preserve">Yes. Neumark was the first one. Then we went to Hochenfels.</w:t>
      </w:r>
    </w:p>
    <w:p>
      <w:pPr/>
      <w:r>
        <w:rPr>
          <w:rFonts w:ascii="Helvetica Light" w:hAnsi="Helvetica Light" w:cs="Helvetica Light"/>
          <w:sz w:val="24"/>
          <w:sz-cs w:val="24"/>
        </w:rPr>
        <w:t xml:space="preserve">JF:</w:t>
        <w:tab/>
        <w:t xml:space="preserve">Neumark was the camp from which you were liberated, but you stayed there for about how long?</w:t>
      </w:r>
    </w:p>
    <w:p>
      <w:pPr/>
      <w:r>
        <w:rPr>
          <w:rFonts w:ascii="Helvetica Light" w:hAnsi="Helvetica Light" w:cs="Helvetica Light"/>
          <w:sz w:val="24"/>
          <w:sz-cs w:val="24"/>
        </w:rPr>
        <w:t xml:space="preserve">MT:</w:t>
        <w:tab/>
        <w:t xml:space="preserve">I donít know, probably months, two months, three months. At least 3 months. Six months.</w:t>
      </w:r>
    </w:p>
    <w:p>
      <w:pPr/>
      <w:r>
        <w:rPr>
          <w:rFonts w:ascii="Helvetica Light" w:hAnsi="Helvetica Light" w:cs="Helvetica Light"/>
          <w:sz w:val="24"/>
          <w:sz-cs w:val="24"/>
        </w:rPr>
        <w:t xml:space="preserve">JF:</w:t>
        <w:tab/>
        <w:t xml:space="preserve">And then the next one is H-O-C-H-E-N-F-E-L-S.</w:t>
      </w:r>
    </w:p>
    <w:p>
      <w:pPr/>
      <w:r>
        <w:rPr>
          <w:rFonts w:ascii="Helvetica Light" w:hAnsi="Helvetica Light" w:cs="Helvetica Light"/>
          <w:sz w:val="24"/>
          <w:sz-cs w:val="24"/>
        </w:rPr>
        <w:t xml:space="preserve">MT:</w:t>
        <w:tab/>
        <w:t xml:space="preserve">Hochenfels, correct; Ansbauch.</w:t>
      </w:r>
    </w:p>
    <w:p>
      <w:pPr/>
      <w:r>
        <w:rPr>
          <w:rFonts w:ascii="Helvetica Light" w:hAnsi="Helvetica Light" w:cs="Helvetica Light"/>
          <w:sz w:val="24"/>
          <w:sz-cs w:val="24"/>
        </w:rPr>
        <w:t xml:space="preserve">JF:</w:t>
        <w:tab/>
        <w:t xml:space="preserve">A-N-N-S-B-A-C-H... [correct spelling is Ansbauch]</w:t>
      </w:r>
    </w:p>
    <w:p>
      <w:pPr/>
      <w:r>
        <w:rPr>
          <w:rFonts w:ascii="Helvetica Light" w:hAnsi="Helvetica Light" w:cs="Helvetica Light"/>
          <w:sz w:val="24"/>
          <w:sz-cs w:val="24"/>
        </w:rPr>
        <w:t xml:space="preserve">MT:</w:t>
        <w:tab/>
        <w:t xml:space="preserve">W-I-L-D-F-L-E-C-K-E-N-- and then there was-- see, what happened, we ended up, Neumark was the camp we were in, but from then on we were in German military camps.</w:t>
      </w:r>
    </w:p>
    <w:p>
      <w:pPr/>
      <w:r>
        <w:rPr>
          <w:rFonts w:ascii="Helvetica Light" w:hAnsi="Helvetica Light" w:cs="Helvetica Light"/>
          <w:sz w:val="24"/>
          <w:sz-cs w:val="24"/>
        </w:rPr>
        <w:t xml:space="preserve">JF:</w:t>
        <w:tab/>
        <w:t xml:space="preserve">These were German military?</w:t>
      </w:r>
    </w:p>
    <w:p>
      <w:pPr/>
      <w:r>
        <w:rPr>
          <w:rFonts w:ascii="Helvetica Light" w:hAnsi="Helvetica Light" w:cs="Helvetica Light"/>
          <w:sz w:val="24"/>
          <w:sz-cs w:val="24"/>
        </w:rPr>
        <w:t xml:space="preserve">MT:</w:t>
        <w:tab/>
        <w:t xml:space="preserve">Without Germans in them. They were old and some of them were new. Military barracks.</w:t>
      </w:r>
    </w:p>
    <w:p>
      <w:pPr/>
      <w:r>
        <w:rPr>
          <w:rFonts w:ascii="Helvetica Light" w:hAnsi="Helvetica Light" w:cs="Helvetica Light"/>
          <w:sz w:val="24"/>
          <w:sz-cs w:val="24"/>
        </w:rPr>
        <w:t xml:space="preserve">JF:</w:t>
        <w:tab/>
        <w:t xml:space="preserve">H-E-I-L-B-R-O-N-N.</w:t>
      </w:r>
    </w:p>
    <w:p>
      <w:pPr/>
      <w:r>
        <w:rPr>
          <w:rFonts w:ascii="Helvetica Light" w:hAnsi="Helvetica Light" w:cs="Helvetica Light"/>
          <w:sz w:val="24"/>
          <w:sz-cs w:val="24"/>
        </w:rPr>
        <w:t xml:space="preserve">MT:</w:t>
        <w:tab/>
        <w:t xml:space="preserve">Yes, Heilbronn, thatís near Stuttgart. Thatís Wittenberg.</w:t>
      </w:r>
    </w:p>
    <w:p>
      <w:pPr/>
      <w:r>
        <w:rPr>
          <w:rFonts w:ascii="Helvetica Light" w:hAnsi="Helvetica Light" w:cs="Helvetica Light"/>
          <w:sz w:val="24"/>
          <w:sz-cs w:val="24"/>
        </w:rPr>
        <w:t xml:space="preserve">JF:</w:t>
        <w:tab/>
        <w:t xml:space="preserve">And the last L-U-D-V-I-G-S-B-U-R-G. [Ludwigsburg].</w:t>
      </w:r>
    </w:p>
    <w:p>
      <w:pPr/>
      <w:r>
        <w:rPr>
          <w:rFonts w:ascii="Helvetica Light" w:hAnsi="Helvetica Light" w:cs="Helvetica Light"/>
          <w:sz w:val="24"/>
          <w:sz-cs w:val="24"/>
        </w:rPr>
        <w:t xml:space="preserve">MT:</w:t>
        <w:tab/>
        <w:t xml:space="preserve">Ludwigburg, and then Bremenhafen.</w:t>
      </w:r>
    </w:p>
    <w:p>
      <w:pPr/>
      <w:r>
        <w:rPr>
          <w:rFonts w:ascii="Helvetica Light" w:hAnsi="Helvetica Light" w:cs="Helvetica Light"/>
          <w:sz w:val="24"/>
          <w:sz-cs w:val="24"/>
        </w:rPr>
        <w:t xml:space="preserve">JF:</w:t>
        <w:tab/>
        <w:t xml:space="preserve">B-R-E-M-E-N-H-A-F-E-N [Bremerhaven]</w:t>
      </w:r>
    </w:p>
    <w:p>
      <w:pPr/>
      <w:r>
        <w:rPr>
          <w:rFonts w:ascii="Helvetica Light" w:hAnsi="Helvetica Light" w:cs="Helvetica Light"/>
          <w:sz w:val="24"/>
          <w:sz-cs w:val="24"/>
        </w:rPr>
        <w:t xml:space="preserve">MT:</w:t>
        <w:tab/>
        <w:t xml:space="preserve">Yes, but now these last two, Ludwigsburg and Bremenhaven [Bremerhaven], they were-- where we were being watched-- we were leaving Germany, so they were pre-- preparatory camps for coming to the United States. So in Ludwigsburg, they screened us, they did everything, they checked our health, to make sure that we are capable of doing things for ourselves. In Bremenhafen, [Bremerhaven] we just waited for the ship. That is the port, from which we left for New York City, but we never made it to New York because of the storm. We ended up in Boston, Massachusetts. We had to go around it.</w:t>
      </w:r>
    </w:p>
    <w:p>
      <w:pPr/>
      <w:r>
        <w:rPr>
          <w:rFonts w:ascii="Helvetica Light" w:hAnsi="Helvetica Light" w:cs="Helvetica Light"/>
          <w:sz w:val="24"/>
          <w:sz-cs w:val="24"/>
        </w:rPr>
        <w:t xml:space="preserve">JF:</w:t>
        <w:tab/>
        <w:t xml:space="preserve">When we spoke before, you told me that after you were liberated  and, whether it was in Europe or whether it was upon coming to the United States, that you had dreams that were quite pronounced. Could you describe those to me?</w:t>
      </w:r>
    </w:p>
    <w:p>
      <w:pPr/>
      <w:r>
        <w:rPr>
          <w:rFonts w:ascii="Helvetica Light" w:hAnsi="Helvetica Light" w:cs="Helvetica Light"/>
          <w:sz w:val="24"/>
          <w:sz-cs w:val="24"/>
        </w:rPr>
        <w:t xml:space="preserve">MT:</w:t>
        <w:tab/>
        <w:t xml:space="preserve">Yes. I always would wake up not just dream about it, would wake up in the middle of the night. The Germans were after me.</w:t>
      </w:r>
    </w:p>
    <w:p>
      <w:pPr/>
      <w:r>
        <w:rPr>
          <w:rFonts w:ascii="Helvetica Light" w:hAnsi="Helvetica Light" w:cs="Helvetica Light"/>
          <w:sz w:val="24"/>
          <w:sz-cs w:val="24"/>
        </w:rPr>
        <w:t xml:space="preserve">JF:</w:t>
        <w:tab/>
        <w:t xml:space="preserve">Was this still in Europe, or was this once you came here to America?</w:t>
      </w:r>
    </w:p>
    <w:p>
      <w:pPr/>
      <w:r>
        <w:rPr>
          <w:rFonts w:ascii="Helvetica Light" w:hAnsi="Helvetica Light" w:cs="Helvetica Light"/>
          <w:sz w:val="24"/>
          <w:sz-cs w:val="24"/>
        </w:rPr>
        <w:t xml:space="preserve">MT:</w:t>
        <w:tab/>
        <w:t xml:space="preserve">It wasnít too much in Europe. It was when I came here, when I finally, I believe, I experienced a total relaxation and freedom. My dream of my life was to own a gun. A gun meant life to me.</w:t>
      </w:r>
    </w:p>
    <w:p>
      <w:pPr/>
      <w:r>
        <w:rPr>
          <w:rFonts w:ascii="Helvetica Light" w:hAnsi="Helvetica Light" w:cs="Helvetica Light"/>
          <w:sz w:val="24"/>
          <w:sz-cs w:val="24"/>
        </w:rPr>
        <w:t xml:space="preserve">JF:</w:t>
        <w:tab/>
        <w:t xml:space="preserve">When you say dream, youíre not talking about an actual dream, you are talking about a wish.</w:t>
      </w:r>
    </w:p>
    <w:p>
      <w:pPr/>
      <w:r>
        <w:rPr>
          <w:rFonts w:ascii="Helvetica Light" w:hAnsi="Helvetica Light" w:cs="Helvetica Light"/>
          <w:sz w:val="24"/>
          <w:sz-cs w:val="24"/>
        </w:rPr>
        <w:t xml:space="preserve">MT:</w:t>
        <w:tab/>
        <w:t xml:space="preserve">Yes. My wish. My desire was to put my hand on a gun, to have a gun, because gun meant so much when I was in captivity. A gun meant everything. Money didnít mean anything, but a gun meant power. A gun meant freedom. A gun meant everything. So as soon as I had a chance, I bought a weapon to go hunting. Ten dollars it cost me to buy a shotgun, a cheap shotgun. I treasured it. I cleaned it and everything, and then I went into the military, and I bought a 45 pistol soon as I came out.</w:t>
      </w:r>
    </w:p>
    <w:p>
      <w:pPr/>
      <w:r>
        <w:rPr>
          <w:rFonts w:ascii="Helvetica Light" w:hAnsi="Helvetica Light" w:cs="Helvetica Light"/>
          <w:sz w:val="24"/>
          <w:sz-cs w:val="24"/>
        </w:rPr>
        <w:t xml:space="preserve">JF:</w:t>
        <w:tab/>
        <w:t xml:space="preserve">You were in the American military?</w:t>
      </w:r>
    </w:p>
    <w:p>
      <w:pPr/>
      <w:r>
        <w:rPr>
          <w:rFonts w:ascii="Helvetica Light" w:hAnsi="Helvetica Light" w:cs="Helvetica Light"/>
          <w:sz w:val="24"/>
          <w:sz-cs w:val="24"/>
        </w:rPr>
        <w:t xml:space="preserve">MT:</w:t>
        <w:tab/>
        <w:t xml:space="preserve">Yes, the 82nd Airborne, and I bought a 45 pistol, as soon as I came out of the military. Of course, I had it registered and I had to send to the FBI or whatever, and I still have it. Iím still the owner of a 45, and I used to play with it something terrible. On the weekends I would clean it in the yard so everybody could see it. Like a child with a new toy and I had to take it apart, and I had to oil it and pretend that I am looking at the barrel and, finally it left me. I am free. I donít have to have a weapon.</w:t>
      </w:r>
    </w:p>
    <w:p>
      <w:pPr/>
      <w:r>
        <w:rPr>
          <w:rFonts w:ascii="Helvetica Light" w:hAnsi="Helvetica Light" w:cs="Helvetica Light"/>
          <w:sz w:val="24"/>
          <w:sz-cs w:val="24"/>
        </w:rPr>
        <w:t xml:space="preserve">JF:</w:t>
        <w:tab/>
        <w:t xml:space="preserve">How long did that feeling last?</w:t>
      </w:r>
    </w:p>
    <w:p>
      <w:pPr/>
      <w:r>
        <w:rPr>
          <w:rFonts w:ascii="Helvetica Light" w:hAnsi="Helvetica Light" w:cs="Helvetica Light"/>
          <w:sz w:val="24"/>
          <w:sz-cs w:val="24"/>
        </w:rPr>
        <w:t xml:space="preserve">MT:</w:t>
        <w:tab/>
        <w:t xml:space="preserve">That feeling was for quite a while, because as soon as I had the weapons, then it rekindled the old memories, I think. So when I would go to bed, then the dreams would change that Germans are not just chasing me, but if I could only get to my gun, to my pistol, that was even after I got out of the military, if I just could get to my pistol, things will change.</w:t>
      </w:r>
    </w:p>
    <w:p>
      <w:pPr/>
      <w:r>
        <w:rPr>
          <w:rFonts w:ascii="Helvetica Light" w:hAnsi="Helvetica Light" w:cs="Helvetica Light"/>
          <w:sz w:val="24"/>
          <w:sz-cs w:val="24"/>
        </w:rPr>
        <w:t xml:space="preserve">JF:</w:t>
        <w:tab/>
        <w:t xml:space="preserve">So the initial dream was that the Germans were chasing you?</w:t>
      </w:r>
    </w:p>
    <w:p>
      <w:pPr/>
      <w:r>
        <w:rPr>
          <w:rFonts w:ascii="Helvetica Light" w:hAnsi="Helvetica Light" w:cs="Helvetica Light"/>
          <w:sz w:val="24"/>
          <w:sz-cs w:val="24"/>
        </w:rPr>
        <w:t xml:space="preserve">MT:</w:t>
        <w:tab/>
        <w:t xml:space="preserve">They were chasing me and I was running away and it is so hard when you are asleep to run. Itís like they are getting closer and your legs are so tired. You canít run because of blankets or whatever you have over you. You canít move. And they are getting closer and closer, and finally you wake up and they are not here. Phew. They are not here. </w:t>
      </w:r>
    </w:p>
    <w:p>
      <w:pPr/>
      <w:r>
        <w:rPr>
          <w:rFonts w:ascii="Helvetica Light" w:hAnsi="Helvetica Light" w:cs="Helvetica Light"/>
          <w:sz w:val="24"/>
          <w:sz-cs w:val="24"/>
        </w:rPr>
        <w:t xml:space="preserve">JF:</w:t>
        <w:tab/>
        <w:t xml:space="preserve">When you got your rifle, or when you got your 45?</w:t>
      </w:r>
    </w:p>
    <w:p>
      <w:pPr/>
      <w:r>
        <w:rPr>
          <w:rFonts w:ascii="Helvetica Light" w:hAnsi="Helvetica Light" w:cs="Helvetica Light"/>
          <w:sz w:val="24"/>
          <w:sz-cs w:val="24"/>
        </w:rPr>
        <w:t xml:space="preserve">MT:</w:t>
        <w:tab/>
        <w:t xml:space="preserve">When I got the 45. The rifle did not turn me on because they did not carry rifles, but the pistol.</w:t>
      </w:r>
    </w:p>
    <w:p>
      <w:pPr/>
      <w:r>
        <w:rPr>
          <w:rFonts w:ascii="Helvetica Light" w:hAnsi="Helvetica Light" w:cs="Helvetica Light"/>
          <w:sz w:val="24"/>
          <w:sz-cs w:val="24"/>
        </w:rPr>
        <w:t xml:space="preserve">JF:</w:t>
        <w:tab/>
        <w:t xml:space="preserve">It was the pistol that was significant?</w:t>
      </w:r>
    </w:p>
    <w:p>
      <w:pPr/>
      <w:r>
        <w:rPr>
          <w:rFonts w:ascii="Helvetica Light" w:hAnsi="Helvetica Light" w:cs="Helvetica Light"/>
          <w:sz w:val="24"/>
          <w:sz-cs w:val="24"/>
        </w:rPr>
        <w:t xml:space="preserve">MT:</w:t>
        <w:tab/>
        <w:t xml:space="preserve">Yes.</w:t>
      </w:r>
    </w:p>
    <w:p>
      <w:pPr/>
      <w:r>
        <w:rPr>
          <w:rFonts w:ascii="Helvetica Light" w:hAnsi="Helvetica Light" w:cs="Helvetica Light"/>
          <w:sz w:val="24"/>
          <w:sz-cs w:val="24"/>
        </w:rPr>
        <w:t xml:space="preserve">JF:</w:t>
        <w:tab/>
        <w:t xml:space="preserve">And then you were trying to get the pistol in your dream?</w:t>
      </w:r>
    </w:p>
    <w:p>
      <w:pPr/>
      <w:r>
        <w:rPr>
          <w:rFonts w:ascii="Helvetica Light" w:hAnsi="Helvetica Light" w:cs="Helvetica Light"/>
          <w:sz w:val="24"/>
          <w:sz-cs w:val="24"/>
        </w:rPr>
        <w:t xml:space="preserve">MT:</w:t>
        <w:tab/>
        <w:t xml:space="preserve">To get the pistol and get even with them.</w:t>
      </w:r>
    </w:p>
    <w:p>
      <w:pPr/>
      <w:r>
        <w:rPr>
          <w:rFonts w:ascii="Helvetica Light" w:hAnsi="Helvetica Light" w:cs="Helvetica Light"/>
          <w:sz w:val="24"/>
          <w:sz-cs w:val="24"/>
        </w:rPr>
        <w:t xml:space="preserve">JF:</w:t>
        <w:tab/>
        <w:t xml:space="preserve">Did you reach the pistol in the dream?</w:t>
      </w:r>
    </w:p>
    <w:p>
      <w:pPr/>
      <w:r>
        <w:rPr>
          <w:rFonts w:ascii="Helvetica Light" w:hAnsi="Helvetica Light" w:cs="Helvetica Light"/>
          <w:sz w:val="24"/>
          <w:sz-cs w:val="24"/>
        </w:rPr>
        <w:t xml:space="preserve">MT:</w:t>
        <w:tab/>
        <w:t xml:space="preserve">I never reached the pistol.</w:t>
      </w:r>
    </w:p>
    <w:p>
      <w:pPr/>
      <w:r>
        <w:rPr>
          <w:rFonts w:ascii="Helvetica Light" w:hAnsi="Helvetica Light" w:cs="Helvetica Light"/>
          <w:sz w:val="24"/>
          <w:sz-cs w:val="24"/>
        </w:rPr>
        <w:t xml:space="preserve">JF:</w:t>
        <w:tab/>
        <w:t xml:space="preserve">It was trying to get it?</w:t>
      </w:r>
    </w:p>
    <w:p>
      <w:pPr/>
      <w:r>
        <w:rPr>
          <w:rFonts w:ascii="Helvetica Light" w:hAnsi="Helvetica Light" w:cs="Helvetica Light"/>
          <w:sz w:val="24"/>
          <w:sz-cs w:val="24"/>
        </w:rPr>
        <w:t xml:space="preserve">MT:</w:t>
        <w:tab/>
        <w:t xml:space="preserve">Yes. Never. I was always trying so hard. So terribly hard to get it, and I never got to it. I never had a chance or did kill anybody in my dream.</w:t>
      </w:r>
    </w:p>
    <w:p>
      <w:pPr/>
      <w:r>
        <w:rPr>
          <w:rFonts w:ascii="Helvetica Light" w:hAnsi="Helvetica Light" w:cs="Helvetica Light"/>
          <w:sz w:val="24"/>
          <w:sz-cs w:val="24"/>
        </w:rPr>
        <w:t xml:space="preserve">JF:</w:t>
        <w:tab/>
        <w:t xml:space="preserve">Was there anything in particular that happened around the time that these dreams stopped, as you recall, or did they just end?</w:t>
      </w:r>
    </w:p>
    <w:p>
      <w:pPr/>
      <w:r>
        <w:rPr>
          <w:rFonts w:ascii="Helvetica Light" w:hAnsi="Helvetica Light" w:cs="Helvetica Light"/>
          <w:sz w:val="24"/>
          <w:sz-cs w:val="24"/>
        </w:rPr>
        <w:t xml:space="preserve">MT:</w:t>
        <w:tab/>
        <w:t xml:space="preserve">Perhaps. No. I think I loosened up a little bit, mentally, I think. I started having more fun and found out more about women. And I think it partially moved everything out of my old mind and replaced it with new.</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br w:type="page"/>
        <w:t xml:space="preserve">Tape five, side one:</w:t>
      </w:r>
    </w:p>
    <w:p>
      <w:pPr/>
      <w:r>
        <w:rPr>
          <w:rFonts w:ascii="Helvetica Light" w:hAnsi="Helvetica Light" w:cs="Helvetica Light"/>
          <w:sz w:val="24"/>
          <w:sz-cs w:val="24"/>
        </w:rPr>
        <w:t xml:space="preserve">JF:</w:t>
        <w:tab/>
        <w:t xml:space="preserve">You said that you loosened up, you were able then to become involved with women.</w:t>
      </w:r>
    </w:p>
    <w:p>
      <w:pPr/>
      <w:r>
        <w:rPr>
          <w:rFonts w:ascii="Helvetica Light" w:hAnsi="Helvetica Light" w:cs="Helvetica Light"/>
          <w:sz w:val="24"/>
          <w:sz-cs w:val="24"/>
        </w:rPr>
        <w:t xml:space="preserve">MT:</w:t>
        <w:tab/>
        <w:t xml:space="preserve">Then I started to become a human again. I started having human feelings. I wasnít afraid to-- I was shy prior to that. Tremendously shy. I never had a chance to play my role as a growing up boy. For some reason, perhaps, because I thought I was a woman, I didnít feel right in any kind of situation, so if a girl would talk to me I would blush immediately and I would get so red in the face; I wished I would die right there.</w:t>
      </w:r>
    </w:p>
    <w:p>
      <w:pPr/>
      <w:r>
        <w:rPr>
          <w:rFonts w:ascii="Helvetica Light" w:hAnsi="Helvetica Light" w:cs="Helvetica Light"/>
          <w:sz w:val="24"/>
          <w:sz-cs w:val="24"/>
        </w:rPr>
        <w:t xml:space="preserve">JF:</w:t>
        <w:tab/>
        <w:t xml:space="preserve">You are talking about when you were here already you still had some of those feelings that you did when you were working in the womanís side of the camp?</w:t>
      </w:r>
    </w:p>
    <w:p>
      <w:pPr/>
      <w:r>
        <w:rPr>
          <w:rFonts w:ascii="Helvetica Light" w:hAnsi="Helvetica Light" w:cs="Helvetica Light"/>
          <w:sz w:val="24"/>
          <w:sz-cs w:val="24"/>
        </w:rPr>
        <w:t xml:space="preserve">MT:</w:t>
        <w:tab/>
        <w:t xml:space="preserve">I think that that perhaps had an effect on me. I was just trying to see why I was that way, because I was tremendously shy. My brother wasnít like that. I was tremendously shy. I could not talk to a girl without completely falling apart. Completely. I didnít want even to get a job where girls were working because I couldnít handle it. It was very-- I took shorthand in high school in Williamsport, and I had to drop it because all the girls were in the class.</w:t>
      </w:r>
    </w:p>
    <w:p>
      <w:pPr/>
      <w:r>
        <w:rPr>
          <w:rFonts w:ascii="Helvetica Light" w:hAnsi="Helvetica Light" w:cs="Helvetica Light"/>
          <w:sz w:val="24"/>
          <w:sz-cs w:val="24"/>
        </w:rPr>
        <w:t xml:space="preserve">JF:</w:t>
        <w:tab/>
        <w:t xml:space="preserve">You were in high school?</w:t>
      </w:r>
    </w:p>
    <w:p>
      <w:pPr/>
      <w:r>
        <w:rPr>
          <w:rFonts w:ascii="Helvetica Light" w:hAnsi="Helvetica Light" w:cs="Helvetica Light"/>
          <w:sz w:val="24"/>
          <w:sz-cs w:val="24"/>
        </w:rPr>
        <w:t xml:space="preserve">MT:</w:t>
        <w:tab/>
        <w:t xml:space="preserve">In high school. When I came here I was 16.</w:t>
      </w:r>
    </w:p>
    <w:p>
      <w:pPr/>
      <w:r>
        <w:rPr>
          <w:rFonts w:ascii="Helvetica Light" w:hAnsi="Helvetica Light" w:cs="Helvetica Light"/>
          <w:sz w:val="24"/>
          <w:sz-cs w:val="24"/>
        </w:rPr>
        <w:t xml:space="preserve">JF:</w:t>
        <w:tab/>
        <w:t xml:space="preserve">So you were in Williamsport, Pennsylvania?</w:t>
      </w:r>
    </w:p>
    <w:p>
      <w:pPr/>
      <w:r>
        <w:rPr>
          <w:rFonts w:ascii="Helvetica Light" w:hAnsi="Helvetica Light" w:cs="Helvetica Light"/>
          <w:sz w:val="24"/>
          <w:sz-cs w:val="24"/>
        </w:rPr>
        <w:t xml:space="preserve">MT:</w:t>
        <w:tab/>
        <w:t xml:space="preserve">Yes, thatís where my parents are.</w:t>
      </w:r>
    </w:p>
    <w:p>
      <w:pPr/>
      <w:r>
        <w:rPr>
          <w:rFonts w:ascii="Helvetica Light" w:hAnsi="Helvetica Light" w:cs="Helvetica Light"/>
          <w:sz w:val="24"/>
          <w:sz-cs w:val="24"/>
        </w:rPr>
        <w:t xml:space="preserve">JF:</w:t>
        <w:tab/>
        <w:t xml:space="preserve">And thatís when you were put really for the first time in a typical adolescent atmosphere?</w:t>
      </w:r>
    </w:p>
    <w:p>
      <w:pPr/>
      <w:r>
        <w:rPr>
          <w:rFonts w:ascii="Helvetica Light" w:hAnsi="Helvetica Light" w:cs="Helvetica Light"/>
          <w:sz w:val="24"/>
          <w:sz-cs w:val="24"/>
        </w:rPr>
        <w:t xml:space="preserve">MT:</w:t>
        <w:tab/>
        <w:t xml:space="preserve">Exactly. I never went to our high school prom; I didnít want to ask a girl and the girls would ask me and I just couldnít do it.</w:t>
      </w:r>
    </w:p>
    <w:p>
      <w:pPr/>
      <w:r>
        <w:rPr>
          <w:rFonts w:ascii="Helvetica Light" w:hAnsi="Helvetica Light" w:cs="Helvetica Light"/>
          <w:sz w:val="24"/>
          <w:sz-cs w:val="24"/>
        </w:rPr>
        <w:t xml:space="preserve">JF:</w:t>
        <w:tab/>
        <w:t xml:space="preserve">It was not until you were out of the service, after high school?</w:t>
      </w:r>
    </w:p>
    <w:p>
      <w:pPr/>
      <w:r>
        <w:rPr>
          <w:rFonts w:ascii="Helvetica Light" w:hAnsi="Helvetica Light" w:cs="Helvetica Light"/>
          <w:sz w:val="24"/>
          <w:sz-cs w:val="24"/>
        </w:rPr>
        <w:t xml:space="preserve">MT:</w:t>
        <w:tab/>
        <w:t xml:space="preserve">Yes, after the service then I started learning something about myself. It was, I think, the service probably that did open up my mind. I had exposure to the weapons and everything and started even hating that part of the life, perhaps, weapons, in the service because I had so much of it in the service.</w:t>
      </w:r>
    </w:p>
    <w:p>
      <w:pPr/>
      <w:r>
        <w:rPr>
          <w:rFonts w:ascii="Helvetica Light" w:hAnsi="Helvetica Light" w:cs="Helvetica Light"/>
          <w:sz w:val="24"/>
          <w:sz-cs w:val="24"/>
        </w:rPr>
        <w:t xml:space="preserve">JF:</w:t>
        <w:tab/>
        <w:t xml:space="preserve">Iím sorry, instead of hating?</w:t>
      </w:r>
    </w:p>
    <w:p>
      <w:pPr/>
      <w:r>
        <w:rPr>
          <w:rFonts w:ascii="Helvetica Light" w:hAnsi="Helvetica Light" w:cs="Helvetica Light"/>
          <w:sz w:val="24"/>
          <w:sz-cs w:val="24"/>
        </w:rPr>
        <w:t xml:space="preserve">MT:</w:t>
        <w:tab/>
        <w:t xml:space="preserve">Then I perhaps started to hate some of it, I mean, the weapons itself, but, nevertheless, when I did come home I did reach that point where I bought myself a pistol to fulfill my need, and it did. It fulfilled my need very quickly.</w:t>
      </w:r>
    </w:p>
    <w:p>
      <w:pPr/>
      <w:r>
        <w:rPr>
          <w:rFonts w:ascii="Helvetica Light" w:hAnsi="Helvetica Light" w:cs="Helvetica Light"/>
          <w:sz w:val="24"/>
          <w:sz-cs w:val="24"/>
        </w:rPr>
        <w:t xml:space="preserve">JF:</w:t>
        <w:tab/>
        <w:t xml:space="preserve">Did you enlist in the service after high school? Was that something you wanted to do?</w:t>
      </w:r>
    </w:p>
    <w:p>
      <w:pPr/>
      <w:r>
        <w:rPr>
          <w:rFonts w:ascii="Helvetica Light" w:hAnsi="Helvetica Light" w:cs="Helvetica Light"/>
          <w:sz w:val="24"/>
          <w:sz-cs w:val="24"/>
        </w:rPr>
        <w:t xml:space="preserve">MT:</w:t>
        <w:tab/>
        <w:t xml:space="preserve">I joke around that there were 20 volunteers that left my neighborhood that morning. There was I and 20 MPís. No, I did enlist. And, I had a weird experience in the military. There was one German fellow straight from Germany. Couldnít speak English too well yet. He was in my company, and on the maneuvers, he happened to be in back of me and I ordered him in front of me and I said, "You  will never again be in back of me with a weapon." And I felt very bad about that. He never asked for an explanation, but I did reflect on that many times later on and said to myself, "Why did you do that?" Because, I guess, I couldnít control it. I couldnít stand a German right in back of me with a weapon. Yet here I was in the American army.</w:t>
      </w:r>
    </w:p>
    <w:p>
      <w:pPr/>
      <w:r>
        <w:rPr>
          <w:rFonts w:ascii="Helvetica Light" w:hAnsi="Helvetica Light" w:cs="Helvetica Light"/>
          <w:sz w:val="24"/>
          <w:sz-cs w:val="24"/>
        </w:rPr>
        <w:t xml:space="preserve">JF:</w:t>
        <w:tab/>
        <w:t xml:space="preserve">But you still were fighting old battles?</w:t>
      </w:r>
    </w:p>
    <w:p>
      <w:pPr/>
      <w:r>
        <w:rPr>
          <w:rFonts w:ascii="Helvetica Light" w:hAnsi="Helvetica Light" w:cs="Helvetica Light"/>
          <w:sz w:val="24"/>
          <w:sz-cs w:val="24"/>
        </w:rPr>
        <w:t xml:space="preserve">MT:</w:t>
        <w:tab/>
        <w:t xml:space="preserve">I also told them later on that I was sorry for that but donít ever send me to Germany. Send me any place in the world as a soldier. Donít send me to Germany, because I will not be able to control myself. You donít want to do that and I donít want to do that. Later on I got sick and tired of stateside duties, being in the States. Everybody was going all over the world and here I am. I asked to be sent to Germany, but they would not do it. So finally I pressed for it, pressed for it. They took out my papers. They read a little statement. "Turzanski, this is what you said," so I was never sent out, and Iím glad I wasnít because I would have probably done something that I shouldnít have. Try to as an adult to undo something that I shouldnít try to undo, because people that I would do to would be the people who actually had nothing to do with it.</w:t>
      </w:r>
    </w:p>
    <w:p>
      <w:pPr/>
      <w:r>
        <w:rPr>
          <w:rFonts w:ascii="Helvetica Light" w:hAnsi="Helvetica Light" w:cs="Helvetica Light"/>
          <w:sz w:val="24"/>
          <w:sz-cs w:val="24"/>
        </w:rPr>
        <w:t xml:space="preserve">JF:</w:t>
        <w:tab/>
        <w:t xml:space="preserve">Is there anything else that you want to add?</w:t>
      </w:r>
    </w:p>
    <w:p>
      <w:pPr/>
      <w:r>
        <w:rPr>
          <w:rFonts w:ascii="Helvetica Light" w:hAnsi="Helvetica Light" w:cs="Helvetica Light"/>
          <w:sz w:val="24"/>
          <w:sz-cs w:val="24"/>
        </w:rPr>
        <w:t xml:space="preserve">MT:</w:t>
        <w:tab/>
        <w:t xml:space="preserve">The only thing that I would like to add is that hatred is the worst thing in our lives. Hatred should never be put into childrenís minds because it will destroy, even when it comes to the enemy. They should be taught about the enemy, but not actually how to hate them, only what he is. I feel quite comfortable with my parents and I still give them credit, more and more credit each time I read something about psychology of the human behavior and so forth; how well they handled that. They removed that hatred from us. I know what Ukrainians did to us. I know what Germans did to us. But it happened at that time. It does not mean that all of them did that to me, that all of them wanted to do it, etc. We made a pledge, all four of us, when we were liberated in Neumark, that we will take 120 Ukrainian lives before we are dead, because we lost all our family.</w:t>
      </w:r>
    </w:p>
    <w:p>
      <w:pPr/>
      <w:r>
        <w:rPr>
          <w:rFonts w:ascii="Helvetica Light" w:hAnsi="Helvetica Light" w:cs="Helvetica Light"/>
          <w:sz w:val="24"/>
          <w:sz-cs w:val="24"/>
        </w:rPr>
        <w:t xml:space="preserve">JF:</w:t>
        <w:tab/>
        <w:t xml:space="preserve">All the rest of your family?</w:t>
      </w:r>
    </w:p>
    <w:p>
      <w:pPr/>
      <w:r>
        <w:rPr>
          <w:rFonts w:ascii="Helvetica Light" w:hAnsi="Helvetica Light" w:cs="Helvetica Light"/>
          <w:sz w:val="24"/>
          <w:sz-cs w:val="24"/>
        </w:rPr>
        <w:t xml:space="preserve">MT:</w:t>
        <w:tab/>
        <w:t xml:space="preserve">Yes, during the war. All the cousins-- all wiped out. We donít have anybody.</w:t>
      </w:r>
    </w:p>
    <w:p>
      <w:pPr/>
      <w:r>
        <w:rPr>
          <w:rFonts w:ascii="Helvetica Light" w:hAnsi="Helvetica Light" w:cs="Helvetica Light"/>
          <w:sz w:val="24"/>
          <w:sz-cs w:val="24"/>
        </w:rPr>
        <w:t xml:space="preserve">JF:</w:t>
        <w:tab/>
        <w:t xml:space="preserve">These were people who stayed in Poland?</w:t>
      </w:r>
    </w:p>
    <w:p>
      <w:pPr/>
      <w:r>
        <w:rPr>
          <w:rFonts w:ascii="Helvetica Light" w:hAnsi="Helvetica Light" w:cs="Helvetica Light"/>
          <w:sz w:val="24"/>
          <w:sz-cs w:val="24"/>
        </w:rPr>
        <w:t xml:space="preserve">MT:</w:t>
        <w:tab/>
        <w:t xml:space="preserve">Yes, yes. And they were executed: one, because he was suspected to be an underground soldier, young man, my cousinís brother. She still cries about it. And they were also talking about that she married a Jewish guy to save his life. She was Catholic and there was a lot of it going on just like anyplace else when things were happening fast. I donít believe the women were taking advantage of the situation, but I think also that they felt that they could do something.</w:t>
      </w:r>
    </w:p>
    <w:p>
      <w:pPr/>
      <w:r>
        <w:rPr>
          <w:rFonts w:ascii="Helvetica Light" w:hAnsi="Helvetica Light" w:cs="Helvetica Light"/>
          <w:sz w:val="24"/>
          <w:sz-cs w:val="24"/>
        </w:rPr>
        <w:t xml:space="preserve">JF:</w:t>
        <w:tab/>
        <w:t xml:space="preserve">You knew of other cases like that, where Polish girls would marry Jewish men to save them?</w:t>
      </w:r>
    </w:p>
    <w:p>
      <w:pPr/>
      <w:r>
        <w:rPr>
          <w:rFonts w:ascii="Helvetica Light" w:hAnsi="Helvetica Light" w:cs="Helvetica Light"/>
          <w:sz w:val="24"/>
          <w:sz-cs w:val="24"/>
        </w:rPr>
        <w:t xml:space="preserve">MT:</w:t>
        <w:tab/>
        <w:t xml:space="preserve">Yes, to save them. Now, also...</w:t>
      </w:r>
    </w:p>
    <w:p>
      <w:pPr/>
      <w:r>
        <w:rPr>
          <w:rFonts w:ascii="Helvetica Light" w:hAnsi="Helvetica Light" w:cs="Helvetica Light"/>
          <w:sz w:val="24"/>
          <w:sz-cs w:val="24"/>
        </w:rPr>
        <w:t xml:space="preserve">JF:</w:t>
        <w:tab/>
        <w:t xml:space="preserve">Did they stay married?</w:t>
      </w:r>
    </w:p>
    <w:p>
      <w:pPr/>
      <w:r>
        <w:rPr>
          <w:rFonts w:ascii="Helvetica Light" w:hAnsi="Helvetica Light" w:cs="Helvetica Light"/>
          <w:sz w:val="24"/>
          <w:sz-cs w:val="24"/>
        </w:rPr>
        <w:t xml:space="preserve">MT:</w:t>
        <w:tab/>
        <w:t xml:space="preserve">Yes, this is very strong. It is unreal, what happens. When you make a bind like that, when you sign a contract like that, a mental contract, I donít think that there is much that can break after that.</w:t>
      </w:r>
    </w:p>
    <w:p>
      <w:pPr/>
      <w:r>
        <w:rPr>
          <w:rFonts w:ascii="Helvetica Light" w:hAnsi="Helvetica Light" w:cs="Helvetica Light"/>
          <w:sz w:val="24"/>
          <w:sz-cs w:val="24"/>
        </w:rPr>
        <w:t xml:space="preserve">JF:</w:t>
        <w:tab/>
        <w:t xml:space="preserve">Did they stay living in Poland?</w:t>
      </w:r>
    </w:p>
    <w:p>
      <w:pPr/>
      <w:r>
        <w:rPr>
          <w:rFonts w:ascii="Helvetica Light" w:hAnsi="Helvetica Light" w:cs="Helvetica Light"/>
          <w:sz w:val="24"/>
          <w:sz-cs w:val="24"/>
        </w:rPr>
        <w:t xml:space="preserve">MT:</w:t>
        <w:tab/>
        <w:t xml:space="preserve">Oh no. They are in New York, in a Jewish community, where they feel comfortable.</w:t>
      </w:r>
    </w:p>
    <w:p>
      <w:pPr/>
      <w:r>
        <w:rPr>
          <w:rFonts w:ascii="Helvetica Light" w:hAnsi="Helvetica Light" w:cs="Helvetica Light"/>
          <w:sz w:val="24"/>
          <w:sz-cs w:val="24"/>
        </w:rPr>
        <w:t xml:space="preserve">JF:</w:t>
        <w:tab/>
        <w:t xml:space="preserve">They live in a Jewish community?</w:t>
      </w:r>
    </w:p>
    <w:p>
      <w:pPr/>
      <w:r>
        <w:rPr>
          <w:rFonts w:ascii="Helvetica Light" w:hAnsi="Helvetica Light" w:cs="Helvetica Light"/>
          <w:sz w:val="24"/>
          <w:sz-cs w:val="24"/>
        </w:rPr>
        <w:t xml:space="preserve">MT:</w:t>
        <w:tab/>
        <w:t xml:space="preserve">Yes.</w:t>
      </w:r>
    </w:p>
    <w:p>
      <w:pPr/>
      <w:r>
        <w:rPr>
          <w:rFonts w:ascii="Helvetica Light" w:hAnsi="Helvetica Light" w:cs="Helvetica Light"/>
          <w:sz w:val="24"/>
          <w:sz-cs w:val="24"/>
        </w:rPr>
        <w:t xml:space="preserve">JF:</w:t>
        <w:tab/>
        <w:t xml:space="preserve">Did she stay Catholic or did she convert?</w:t>
      </w:r>
    </w:p>
    <w:p>
      <w:pPr/>
      <w:r>
        <w:rPr>
          <w:rFonts w:ascii="Helvetica Light" w:hAnsi="Helvetica Light" w:cs="Helvetica Light"/>
          <w:sz w:val="24"/>
          <w:sz-cs w:val="24"/>
        </w:rPr>
        <w:t xml:space="preserve">MT:</w:t>
        <w:tab/>
        <w:t xml:space="preserve">She didnít stay much one way or the other because she probably didnít care, but her husband, a Jewish fellow she married, wanted to make sure that their daughter will be a Catholic child. So, it is actually, thatís a big sacrifice for him.</w:t>
      </w:r>
    </w:p>
    <w:p>
      <w:pPr/>
      <w:r>
        <w:rPr>
          <w:rFonts w:ascii="Helvetica Light" w:hAnsi="Helvetica Light" w:cs="Helvetica Light"/>
          <w:sz w:val="24"/>
          <w:sz-cs w:val="24"/>
        </w:rPr>
        <w:t xml:space="preserve">JF:</w:t>
        <w:tab/>
        <w:t xml:space="preserve">They have one child?</w:t>
      </w:r>
    </w:p>
    <w:p>
      <w:pPr/>
      <w:r>
        <w:rPr>
          <w:rFonts w:ascii="Helvetica Light" w:hAnsi="Helvetica Light" w:cs="Helvetica Light"/>
          <w:sz w:val="24"/>
          <w:sz-cs w:val="24"/>
        </w:rPr>
        <w:t xml:space="preserve">MT:</w:t>
        <w:tab/>
        <w:t xml:space="preserve">Only one child. But it was, I think, because of the old man, Mr. [unclear].</w:t>
      </w:r>
    </w:p>
    <w:p>
      <w:pPr/>
      <w:r>
        <w:rPr>
          <w:rFonts w:ascii="Helvetica Light" w:hAnsi="Helvetica Light" w:cs="Helvetica Light"/>
          <w:sz w:val="24"/>
          <w:sz-cs w:val="24"/>
        </w:rPr>
        <w:t xml:space="preserve">JF:</w:t>
        <w:tab/>
        <w:t xml:space="preserve">Her father?</w:t>
      </w:r>
    </w:p>
    <w:p>
      <w:pPr/>
      <w:r>
        <w:rPr>
          <w:rFonts w:ascii="Helvetica Light" w:hAnsi="Helvetica Light" w:cs="Helvetica Light"/>
          <w:sz w:val="24"/>
          <w:sz-cs w:val="24"/>
        </w:rPr>
        <w:t xml:space="preserve">MT:</w:t>
        <w:tab/>
        <w:t xml:space="preserve">His father. He wanted to make sure that he never leaves this woman, no matter what, even if she loses her mind or whatever, because what she had done for us, for them, and make sure that her child will be protected if he dies later on. Tremendous individual.</w:t>
      </w:r>
    </w:p>
    <w:p>
      <w:pPr/>
      <w:r>
        <w:rPr>
          <w:rFonts w:ascii="Helvetica Light" w:hAnsi="Helvetica Light" w:cs="Helvetica Light"/>
          <w:sz w:val="24"/>
          <w:sz-cs w:val="24"/>
        </w:rPr>
        <w:t xml:space="preserve">JF:</w:t>
        <w:tab/>
        <w:t xml:space="preserve">His father told him to raise his child as a Catholic?</w:t>
      </w:r>
    </w:p>
    <w:p>
      <w:pPr/>
      <w:r>
        <w:rPr>
          <w:rFonts w:ascii="Helvetica Light" w:hAnsi="Helvetica Light" w:cs="Helvetica Light"/>
          <w:sz w:val="24"/>
          <w:sz-cs w:val="24"/>
        </w:rPr>
        <w:t xml:space="preserve">MT:</w:t>
        <w:tab/>
        <w:t xml:space="preserve">Yes. And his father...</w:t>
      </w:r>
    </w:p>
    <w:p>
      <w:pPr/>
      <w:r>
        <w:rPr>
          <w:rFonts w:ascii="Helvetica Light" w:hAnsi="Helvetica Light" w:cs="Helvetica Light"/>
          <w:sz w:val="24"/>
          <w:sz-cs w:val="24"/>
        </w:rPr>
        <w:t xml:space="preserve">JF:</w:t>
        <w:tab/>
        <w:t xml:space="preserve">As a way of thanking her for her sacrifices?</w:t>
      </w:r>
    </w:p>
    <w:p>
      <w:pPr/>
      <w:r>
        <w:rPr>
          <w:rFonts w:ascii="Helvetica Light" w:hAnsi="Helvetica Light" w:cs="Helvetica Light"/>
          <w:sz w:val="24"/>
          <w:sz-cs w:val="24"/>
        </w:rPr>
        <w:t xml:space="preserve">MT:</w:t>
        <w:tab/>
        <w:t xml:space="preserve">It is sad, you know, when you really think about it, from a human point of view. Those are tremendous sacrifices that one does to pay-- you donít pay-- to thank, and I donít even know if thank is the word. ëCause she wanted a man and she had a man, but I think itís that other side, his side, that he feels that he should do something, which is another part of being human.  Now, what really hurts individual like I-- I went through rough things in my life and enjoyed some good times here-- is what I read about Polish behavior in Second World War, where we are worse than Hitler is, in the eyes of the Jewish community, at least I was told that, and there must be reasons for it. But then I also did the same thing as you do. I also want to reach in and look for answers, because I donít want to build on old tradition. I want to build on something I have here. And I had a map that I thought I could find and bring it in here of Poland during the Second World War. Itís like a map of Pennsylvania. If you would take a pepper shaker and shake it over the map, some places the more pepper would fall than others. The whole Poland was one concentration country for Germany, and under each black spot on that map they tell you how many people were murdered, murdered, murdered. And then they show bigger spots, and the chimneys where they formed the camps, and how many died there. The whole country was totally taken over, terrorized, dehumanized and everything. Minorities were given big roles, and also the criminal element was given big roles. But I am not a historian, but I just know what I went through and itís tough. But, of course, itís always tough if itís sad about you. That, again, is human.</w:t>
      </w:r>
    </w:p>
    <w:p>
      <w:pPr/>
      <w:r>
        <w:rPr>
          <w:rFonts w:ascii="Helvetica Light" w:hAnsi="Helvetica Light" w:cs="Helvetica Light"/>
          <w:sz w:val="24"/>
          <w:sz-cs w:val="24"/>
        </w:rPr>
        <w:t xml:space="preserve"/>
        <w:tab/>
        <w:t xml:space="preserve">I want to thank you for the opportunity to talk to you. By doing this, I think Iíll be a better person. I hope I can sleep better, and this is selfish of me and I hope Iíll free myself to become one of you, to freely think and act as one should in the proper manner in a given situation. Sometimes I feel I am lacking a whole lot to reach the level of the free society. Thank God for a free society and letís hope, pray and hope this will never, never occur again, because if it happens in midst of your own, people that you know, people you had contact with, people you touched, you talked to, itís very hard to remove from your memory, from your mind, but, yet, as a human, intelligent human, you donít want to spread a disease of hatred. That makes it much tougher to control that feeling.  I thank you.</w:t>
      </w:r>
    </w:p>
    <w:p>
      <w:pPr/>
      <w:r>
        <w:rPr>
          <w:rFonts w:ascii="Helvetica Light" w:hAnsi="Helvetica Light" w:cs="Helvetica Light"/>
          <w:sz w:val="24"/>
          <w:sz-cs w:val="24"/>
        </w:rPr>
        <w:t xml:space="preserve">JF:</w:t>
        <w:tab/>
        <w:t xml:space="preserve">I cannot thank you enough, Mr. Turzanski.</w:t>
      </w:r>
    </w:p>
    <w:p>
      <w:pPr/>
      <w:r>
        <w:rPr>
          <w:rFonts w:ascii="Helvetica Light" w:hAnsi="Helvetica Light" w:cs="Helvetica Light"/>
          <w:sz w:val="24"/>
          <w:sz-cs w:val="24"/>
        </w:rPr>
        <w:t xml:space="preserve"/>
        <w:tab/>
        <w:t xml:space="preserve"/>
        <w:tab/>
        <w:t xml:space="preserve"/>
        <w:tab/>
        <w:t xml:space="preserve">  The Germans began their occupation of Hungary in March 1944.</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MARIAN TURZANSKI [1-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From the collection of the Gratz College Holocaust Oral History Archiv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MARIAN TURZANSKI [1-2-]</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From the collection of the Gratz College Holocaust Oral History Archiv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MARIAN TURZANSKI [2-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From the collection of the Gratz College Holocaust Oral History Archiv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MARIAN TURZANSKI [2-2-]</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From the collection of the Gratz College Holocaust Oral History Archiv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MARIAN TURZANSKI [2-2-]</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From the collection of the Gratz College Holocaust Oral History Archiv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MARIAN TURZANSKI [3-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From the collection of the Gratz College Holocaust Oral History Archiv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MARIAN TURZANSKI [3-2-]</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From the collection of the Gratz College Holocaust Oral History Archiv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MARIAN TURZANSKI [4-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From the collection of the Gratz College Holocaust Oral History Archiv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MARIAN TURZANSKI [4-2-]</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From the collection of the Gratz College Holocaust Oral History Archive</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é°óô</w:t>
      </w:r>
    </w:p>
    <w:p>
      <w:pPr/>
      <w:r>
        <w:rPr>
          <w:rFonts w:ascii="Helvetica Light" w:hAnsi="Helvetica Light" w:cs="Helvetica Light"/>
          <w:sz w:val="24"/>
          <w:sz-cs w:val="24"/>
        </w:rPr>
        <w:t xml:space="preserve">ú ù,§–/•‡=¶†ß†® ©L™Ö‘ÄÄÄÄÄÄÄÄÄ...()()()..)()$é°óô</w:t>
      </w:r>
    </w:p>
    <w:p>
      <w:pPr/>
      <w:r>
        <w:rPr>
          <w:rFonts w:ascii="Helvetica Light" w:hAnsi="Helvetica Light" w:cs="Helvetica Light"/>
          <w:sz w:val="24"/>
          <w:sz-cs w:val="24"/>
        </w:rPr>
        <w:t xml:space="preserve">ú ù,§–/•‡=¶†ß†® ©L™"°óô</w:t>
      </w:r>
    </w:p>
    <w:p>
      <w:pPr/>
      <w:r>
        <w:rPr>
          <w:rFonts w:ascii="Helvetica Light" w:hAnsi="Helvetica Light" w:cs="Helvetica Light"/>
          <w:sz w:val="24"/>
          <w:sz-cs w:val="24"/>
        </w:rPr>
        <w:t xml:space="preserve">ú ù,§–/•‡=¶†ß†® ©L™$é°óô</w:t>
      </w:r>
    </w:p>
    <w:p>
      <w:pPr/>
      <w:r>
        <w:rPr>
          <w:rFonts w:ascii="Helvetica Light" w:hAnsi="Helvetica Light" w:cs="Helvetica Light"/>
          <w:sz w:val="24"/>
          <w:sz-cs w:val="24"/>
        </w:rPr>
        <w:t xml:space="preserve">ú ù,§–/•‡=¶†ß†® ©L™$é°óô</w:t>
      </w:r>
    </w:p>
    <w:p>
      <w:pPr/>
      <w:r>
        <w:rPr>
          <w:rFonts w:ascii="Helvetica Light" w:hAnsi="Helvetica Light" w:cs="Helvetica Light"/>
          <w:sz w:val="24"/>
          <w:sz-cs w:val="24"/>
        </w:rPr>
        <w:t xml:space="preserve">ú ù,§–/•‡=¶†ß†® ©L™$é°óô</w:t>
      </w:r>
    </w:p>
    <w:p>
      <w:pPr/>
      <w:r>
        <w:rPr>
          <w:rFonts w:ascii="Helvetica Light" w:hAnsi="Helvetica Light" w:cs="Helvetica Light"/>
          <w:sz w:val="24"/>
          <w:sz-cs w:val="24"/>
        </w:rPr>
        <w:t xml:space="preserve">ú ù,§–/•‡=¶†ß†® ©L™"°óô</w:t>
      </w:r>
    </w:p>
    <w:p>
      <w:pPr/>
      <w:r>
        <w:rPr>
          <w:rFonts w:ascii="Helvetica Light" w:hAnsi="Helvetica Light" w:cs="Helvetica Light"/>
          <w:sz w:val="24"/>
          <w:sz-cs w:val="24"/>
        </w:rPr>
        <w:t xml:space="preserve">ú ù,§–/•‡=¶†ß†® ©L™$é°óô</w:t>
      </w:r>
    </w:p>
    <w:p>
      <w:pPr/>
      <w:r>
        <w:rPr>
          <w:rFonts w:ascii="Helvetica Light" w:hAnsi="Helvetica Light" w:cs="Helvetica Light"/>
          <w:sz w:val="24"/>
          <w:sz-cs w:val="24"/>
        </w:rPr>
        <w:t xml:space="preserve">ú ù,§–/•‡=¶†ß†® ©L™$é°óô</w:t>
      </w:r>
    </w:p>
    <w:p>
      <w:pPr/>
      <w:r>
        <w:rPr>
          <w:rFonts w:ascii="Helvetica Light" w:hAnsi="Helvetica Light" w:cs="Helvetica Light"/>
          <w:sz w:val="24"/>
          <w:sz-cs w:val="24"/>
        </w:rPr>
        <w:t xml:space="preserve">ú ù,§–/•‡=¶†ß†® ©L™Åî¬√åç˜R¯RS)i*i™´≠´¿´Ö∏HªúÕ®Õzœ{œa—c—“≈“A’B’Ñ◊êŸrﬁsﬁ¨‚˚ÊJÁKÁqÁ¡Ô¬Ôi˛∑ˇ ˇó</w:t>
      </w:r>
    </w:p>
    <w:p>
      <w:pPr/>
      <w:r>
        <w:rPr>
          <w:rFonts w:ascii="Helvetica Light" w:hAnsi="Helvetica Light" w:cs="Helvetica Light"/>
          <w:sz w:val="24"/>
          <w:sz-cs w:val="24"/>
        </w:rPr>
        <w:t xml:space="preserve">ò</w:t>
      </w:r>
    </w:p>
    <w:p>
      <w:pPr/>
      <w:r>
        <w:rPr>
          <w:rFonts w:ascii="Helvetica Light" w:hAnsi="Helvetica Light" w:cs="Helvetica Light"/>
          <w:sz w:val="24"/>
          <w:sz-cs w:val="24"/>
        </w:rPr>
        <w:t xml:space="preserve">Ìa·Å(;Ë&lt;ãCØC⁄N›NﬂNıN≤Q·T7U&lt;V=]≤eJk¡oˇoùqÆq‘rDv‹v|X|`|y|Å||~õÄÃÅDÇ˝âfêÒêcë3ìEùŸüG°˝˙˝˜˝˜˝ÛÓÛÈÛ˝˙Û˝ÛÓÛÈÛ‰Û˝ÛﬁÛ˝ÛÈÛ˝ÛÈ˝ÛÈÛ˝˙˝È˝˝˝˝‹Û‹Û˝ÓÛ˝Û˝Û˝Û˝Û˝˙˝Û˝Û˝˙˝˙˝Û˝Û˝Û˝Û˝Û˝ÛPuDPPchPchPVÅcPcchVÅccWG°H°I°J°K°L°M°N°R°g°£∞´∞¥ı¥ß«®«æ⁄≈⁄{áı¸ÒÒÒ$ÒjıqıÕˆ‘ˆB˜I˜å˜ì˜ñ˜ó˜†˜¥˜ø˘≈˘;˙D˙k˙r˙w˙Ä˙Ç˙á˙€˙‰˙Õˇ“ˇmr°¨∫…ù!®!J#a# ;a;ﬂ;ˆ;pSÖS;ßOß€À‹ÀﬁÀﬂÀÃÃ5Ã6Ã8Ã9ÃÅÃÇÃòÃôÃ¸˙¸¯¯ı¯ı¯ı¯Ú¯ı¯ı¯ı¯ı¯ı¯ı¯ı¯ı¯ı¯¯ı¯ı¯ı¯ı¯ı¯ı¯ı¯ı¯ı¯ı¯ı¯ı¯ı¯ı¯ı¯ı¯ı¯ÏÈ‰˙ı›ı€€‘</w:t>
      </w:r>
    </w:p>
    <w:p>
      <w:pPr/>
      <w:r>
        <w:rPr>
          <w:rFonts w:ascii="Helvetica Light" w:hAnsi="Helvetica Light" w:cs="Helvetica Light"/>
          <w:sz w:val="24"/>
          <w:sz-cs w:val="24"/>
        </w:rPr>
        <w:t xml:space="preserve">uDPVÅVÅ</w:t>
      </w:r>
    </w:p>
    <w:p>
      <w:pPr/>
      <w:r>
        <w:rPr>
          <w:rFonts w:ascii="Helvetica Light" w:hAnsi="Helvetica Light" w:cs="Helvetica Light"/>
          <w:sz w:val="24"/>
          <w:sz-cs w:val="24"/>
        </w:rPr>
        <w:t xml:space="preserve">uDVÅcPchchuDPchVÅccPPcSôÃõÃúÃ‰ÃÂÃ˚Ã¸Ã˛ÃˇÃGÕHÕ^Õ_ÕaÕbÕ™Õ´Õ≤Õ¡Õ¬Õ√ÕƒÕ≈Õ</w:t>
      </w:r>
    </w:p>
    <w:p>
      <w:pPr/>
      <w:r>
        <w:rPr>
          <w:rFonts w:ascii="Helvetica Light" w:hAnsi="Helvetica Light" w:cs="Helvetica Light"/>
          <w:sz w:val="24"/>
          <w:sz-cs w:val="24"/>
        </w:rPr>
        <w:t xml:space="preserve">ŒŒ$Œ%Œ&amp;Œ'Œ(ŒpŒqŒáŒàŒäŒãŒ”Œ‘ŒÍŒÎŒÌŒÓŒ6œ7œMœNœPœQœôœõœúœL“˚¯ıÓı¯ıÓı¯¯È‡⁄˚¯¯”˚Õ¯¯” ¯ıÓı¯ıÓı¯»∆ucVÅ]PVÅ]c</w:t>
      </w:r>
    </w:p>
    <w:p>
      <w:pPr/>
      <w:r>
        <w:rPr>
          <w:rFonts w:ascii="Helvetica Light" w:hAnsi="Helvetica Light" w:cs="Helvetica Light"/>
          <w:sz w:val="24"/>
          <w:sz-cs w:val="24"/>
        </w:rPr>
        <w:t xml:space="preserve">uDPVÅPVÅ]cuDPVÅcPVÅc</w:t>
      </w:r>
    </w:p>
    <w:p>
      <w:pPr/>
      <w:r>
        <w:rPr>
          <w:rFonts w:ascii="Helvetica Light" w:hAnsi="Helvetica Light" w:cs="Helvetica Light"/>
          <w:sz w:val="24"/>
          <w:sz-cs w:val="24"/>
        </w:rPr>
        <w:t xml:space="preserve">uDVÅcVÅcPVÅPVÅ]3+VÄï˛]ÅπÓ|Ô˝W—'</w:t>
        <w:tab/>
        <w:t xml:space="preserve"/>
      </w:r>
    </w:p>
    <w:p>
      <w:pPr/>
      <w:r>
        <w:rPr>
          <w:rFonts w:ascii="Helvetica Light" w:hAnsi="Helvetica Light" w:cs="Helvetica Light"/>
          <w:sz w:val="24"/>
          <w:sz-cs w:val="24"/>
        </w:rPr>
        <w:t xml:space="preserve">3</w:t>
      </w:r>
    </w:p>
    <w:p>
      <w:pPr/>
      <w:r>
        <w:rPr>
          <w:rFonts w:ascii="Helvetica Light" w:hAnsi="Helvetica Light" w:cs="Helvetica Light"/>
          <w:sz w:val="24"/>
          <w:sz-cs w:val="24"/>
        </w:rPr>
        <w:t xml:space="preserve">=</w:t>
      </w:r>
    </w:p>
    <w:p>
      <w:pPr/>
      <w:r>
        <w:rPr>
          <w:rFonts w:ascii="Helvetica Light" w:hAnsi="Helvetica Light" w:cs="Helvetica Light"/>
          <w:sz w:val="24"/>
          <w:sz-cs w:val="24"/>
        </w:rPr>
        <w:t xml:space="preserve">l</w:t>
      </w:r>
    </w:p>
    <w:p>
      <w:pPr/>
      <w:r>
        <w:rPr>
          <w:rFonts w:ascii="Helvetica Light" w:hAnsi="Helvetica Light" w:cs="Helvetica Light"/>
          <w:sz w:val="24"/>
          <w:sz-cs w:val="24"/>
        </w:rPr>
        <w:t xml:space="preserve">≠ÿî</w:t>
        <w:br w:type="page"/>
        <w:t xml:space="preserve">Ã</w:t>
        <w:br w:type="page"/>
        <w:t xml:space="preserve">÷</w:t>
        <w:br w:type="page"/>
        <w:t xml:space="preserve">¸</w:t>
        <w:br w:type="page"/>
        <w:t xml:space="preserve">:î⁄;Ea∞ƒLr¸¬‚Rq‰‰‰‰‰‰‰‰‰‰‰‰‰‰‰‰‰‰‰‰‰‰‰‰‰‰‰‰‰‰‰‰‰‰‰‰‰‰‰‰‰¥,–†p@‡∞ÄP ¿!ê$)q!‡U h ﬁ !Å!˙!V+p+,N,`,´,o-π-Ï-.0w0ò2π244≤5◊5j&lt;ô&lt;@=m=õC˝C¿D‹DﬁG</w:t>
        <w:br w:type="page"/>
        <w:t xml:space="preserve">HM(M«M#NÅO‰‰‰‰‰‰‰‰‰‰‰‰‰‰‰‰‰‰‰‰‰‰‰‰‰‰‰‰‰‰‰‰‰‰‰‰‰‰‰‰‰¥,–†p@‡∞ÄP ¿!ê$)ÅOæOPÖR∞RÙRıRˆR˜R</w:t>
        <w:br w:type="page"/>
        <w:t xml:space="preserve">S/S˝S9T?UÑU(YôY4ZhZ\)\]#]A]n]Ï]^+^m^</w:t>
        <w:tab/>
        <w:t xml:space="preserve">_;_Ê_˚_ß`…`3aãaıabUbebòc‰‰‰‰‰‰‰‰‰‰‰‰‰‰‰‰‰‰‰‰‰‰‰‰‰‰‰‰‰‰‰‰‰‰‰‰‰‰‰‰‰¥,–†p@‡∞ÄP ¿!ê$)òc∆c–c+d}dôe</w:t>
      </w:r>
    </w:p>
    <w:p>
      <w:pPr/>
      <w:r>
        <w:rPr>
          <w:rFonts w:ascii="Helvetica Light" w:hAnsi="Helvetica Light" w:cs="Helvetica Light"/>
          <w:sz w:val="24"/>
          <w:sz-cs w:val="24"/>
        </w:rPr>
        <w:t xml:space="preserve">f—f</w:t>
        <w:br w:type="page"/>
        <w:t xml:space="preserve">g"gìgûg!hki‰iÚjk›kKlUlïl›l0m`n≥nÂno*pFp_rsvKv¥vw'wEwy8yIzñz</w:t>
      </w:r>
    </w:p>
    <w:p>
      <w:pPr/>
      <w:r>
        <w:rPr>
          <w:rFonts w:ascii="Helvetica Light" w:hAnsi="Helvetica Light" w:cs="Helvetica Light"/>
          <w:sz w:val="24"/>
          <w:sz-cs w:val="24"/>
        </w:rPr>
        <w:t xml:space="preserve">|‰‰‰‰‰‰‰‰‰‰‰‰‰‰‰‰‰‰‰‰‰‰‰‰‰‰‰‰‰‰‰‰‰‰‰‰‰‰‰‰‰¥,–†p@‡∞ÄP ¿!ê$)</w:t>
      </w:r>
    </w:p>
    <w:p>
      <w:pPr/>
      <w:r>
        <w:rPr>
          <w:rFonts w:ascii="Helvetica Light" w:hAnsi="Helvetica Light" w:cs="Helvetica Light"/>
          <w:sz w:val="24"/>
          <w:sz-cs w:val="24"/>
        </w:rPr>
        <w:t xml:space="preserve">|"|k}á}+¥ÄÚÄôÉﬂÉ&amp;ÑÜÑÊÑ0ÖVÖbÖêÖSÜÃÜ·Ülä~ä≈äﬂäˆäãºã‡ã˘ãåtç£ç|è≠èÿèêfêvêí_íÙíì‰‰‰‰‰‰‰‰‰‰‰‰‰‰‰‰‰‰‰‰‰‰‰‰‰‰‰‰‰‰‰‰‰‰‰‰‰‰‰‰‰¥,–†p@‡∞ÄP ¿!ê$)ì£ìÿìÛìQî⁄ïñ1ñrñŸñ&gt;óôò¶òpô“ô9õsõ⁄õú…ú˘úÏùû#ü[üçü≠ü”ü"†±†”†≠£…£ •Ù•˝• ¶ò¶Ω¶“¶ˇ¶</w:t>
      </w:r>
    </w:p>
    <w:p>
      <w:pPr/>
      <w:r>
        <w:rPr>
          <w:rFonts w:ascii="Helvetica Light" w:hAnsi="Helvetica Light" w:cs="Helvetica Light"/>
          <w:sz w:val="24"/>
          <w:sz-cs w:val="24"/>
        </w:rPr>
        <w:t xml:space="preserve">ß‰‰‰‰‰‰‰‰‰‰‰‰‰‰‰‰‰‰‰‰‰‰‰‰‰‰‰‰‰‰‰‰‰‰‰‰‰‰‰‰‰¥,–†p@‡∞ÄP ¿!ê$)</w:t>
      </w:r>
    </w:p>
    <w:p>
      <w:pPr/>
      <w:r>
        <w:rPr>
          <w:rFonts w:ascii="Helvetica Light" w:hAnsi="Helvetica Light" w:cs="Helvetica Light"/>
          <w:sz w:val="24"/>
          <w:sz-cs w:val="24"/>
        </w:rPr>
        <w:t xml:space="preserve">ßZß·ß˜ß⁄®&lt;©ÿ™K´®´©´™´´´¨´¡´€≠ÆIÆZÆîÆ¥ÆÇµèµ≈∂‰∂ø∑Ù∑∏Ö∏Hª^ª5ºOºnºìº1ΩaΩwΩ≤ΩÊæ˛æ»¿·¿‰‰‰‰‰‰‰‰‰‰‰‰‰‰‰‰‰‰‰‰‰‰‰‰‰‰‰‰‰‰‰‰‰‰‰‰‰‰‰‰‰¥,–†p@‡∞ÄP ¿!ê$)·¿Û¿¡I¡k¡~¬ˆ¬!≈U≈^≈∆≈∆ ∆»∆Ë∆;ÀQÀ‘À$ÃæÃ–ÃÕ5ÕKœpœ]—{—Ë—˘—“Ä“≈“”8”X”q”à”[’ï’¨’Ã’r÷‰‰‰‰‰‰‰‰‰‰‰‰‰‰‰‰‰‰‰‰‰‰‰‰‰‰‰‰‰‰‰‰‰‰‰‰‰‰‰‰‰¥,–†p@‡∞ÄP ¿!ê$)r÷ó÷‚÷7◊]◊Ñ◊êŸ®Ÿ¿Ÿd⁄M€Ω€´›⁄›Pﬁ[ﬁ≤ﬁﬂﬁ</w:t>
      </w:r>
    </w:p>
    <w:p>
      <w:pPr/>
      <w:r>
        <w:rPr>
          <w:rFonts w:ascii="Helvetica Light" w:hAnsi="Helvetica Light" w:cs="Helvetica Light"/>
          <w:sz w:val="24"/>
          <w:sz-cs w:val="24"/>
        </w:rPr>
        <w:t xml:space="preserve">ﬂﬂ¸ﬂd‡r‚¨‚˚Ê-ÁqÁÜÁüËπË¬ÌÙÌ–Ô;ç¨ÅÒ©ÒÚ4Ú¡ÛÎÛ‰‰‰‰‰‰‰‰‰‰‰‰‰‰‰‰‰‰‰‰‰‰‰‰‰‰‰‰‰‰‰‰‰‰‰‰‰‰‰‰‰¥,–†p@‡∞ÄP ¿!ê$)ÎÛÙUÙEˆ`ˆ˜W˜¯˙N˛i˛òˇ≠ˇÆˇØˇ∞ˇ±ˇ≤ˇ≥ˇ¥ˇµˇ∑ˇÀˇ-\‚ïΩXìNY‚</w:t>
      </w:r>
    </w:p>
    <w:p>
      <w:pPr/>
      <w:r>
        <w:rPr>
          <w:rFonts w:ascii="Helvetica Light" w:hAnsi="Helvetica Light" w:cs="Helvetica Light"/>
          <w:sz w:val="24"/>
          <w:sz-cs w:val="24"/>
        </w:rPr>
        <w:t xml:space="preserve"/>
        <w:tab/>
        <w:t xml:space="preserve">Q</w:t>
        <w:br w:type="page"/>
        <w:t xml:space="preserve">å</w:t>
        <w:br w:type="page"/>
        <w:t xml:space="preserve">√</w:t>
      </w:r>
    </w:p>
    <w:p>
      <w:pPr/>
      <w:r>
        <w:rPr>
          <w:rFonts w:ascii="Helvetica Light" w:hAnsi="Helvetica Light" w:cs="Helvetica Light"/>
          <w:sz w:val="24"/>
          <w:sz-cs w:val="24"/>
        </w:rPr>
        <w:t xml:space="preserve">‰‰‰‰‰‰‰‰‰‰‰‰‰‰‰‰««««‰««««««««««««««–¥,–†p@‡∞ÄP ¿!ê$¥,–†p@‡∞ÄP ¿!ê$#√</w:t>
      </w:r>
    </w:p>
    <w:p>
      <w:pPr/>
      <w:r>
        <w:rPr>
          <w:rFonts w:ascii="Helvetica Light" w:hAnsi="Helvetica Light" w:cs="Helvetica Light"/>
          <w:sz w:val="24"/>
          <w:sz-cs w:val="24"/>
        </w:rPr>
        <w:t xml:space="preserve">€</w:t>
      </w:r>
    </w:p>
    <w:p>
      <w:pPr/>
      <w:r>
        <w:rPr>
          <w:rFonts w:ascii="Helvetica Light" w:hAnsi="Helvetica Light" w:cs="Helvetica Light"/>
          <w:sz w:val="24"/>
          <w:sz-cs w:val="24"/>
        </w:rPr>
        <w:t xml:space="preserve">rúæÌDë Ha±Ò·~&amp;´&amp;0(J(Å(•(..43V3¡6</w:t>
      </w:r>
    </w:p>
    <w:p>
      <w:pPr/>
      <w:r>
        <w:rPr>
          <w:rFonts w:ascii="Helvetica Light" w:hAnsi="Helvetica Light" w:cs="Helvetica Light"/>
          <w:sz w:val="24"/>
          <w:sz-cs w:val="24"/>
        </w:rPr>
        <w:t xml:space="preserve">7;`;Õ&lt;Ë&lt;„„„„„……………„„„…„……………„„„„„„„„……∞¥&amp;</w:t>
        <w:br w:type="page"/>
        <w:t xml:space="preserve">–†p@‡∞ÄP ¿!–¥&amp;</w:t>
        <w:br w:type="page"/>
        <w:t xml:space="preserve">–†p@‡∞ÄP ¿!–¥,–†p@‡∞ÄP ¿!ê$Ë&lt;</w:t>
        <w:br w:type="page"/>
        <w:t xml:space="preserve">=b=Ÿ=ãCØCLFhFF‘FàJ…J“JÙJúL…LÎM</w:t>
      </w:r>
    </w:p>
    <w:p>
      <w:pPr/>
      <w:r>
        <w:rPr>
          <w:rFonts w:ascii="Helvetica Light" w:hAnsi="Helvetica Light" w:cs="Helvetica Light"/>
          <w:sz w:val="24"/>
          <w:sz-cs w:val="24"/>
        </w:rPr>
        <w:t xml:space="preserve">N⁄N€N‹N›NﬂNıN'OñPÊÊÊÊ…ÊÊÊÊÊÊÊÊÊÊÊÊÊ………«™åå–¥,–†p@‡∞ÄP ¿!ê$¥,–†p@‡∞ÄP ¿!ê$–¥,–†p@‡∞ÄP ¿!ê$–¥&amp;</w:t>
        <w:br w:type="page"/>
        <w:t xml:space="preserve">–†p@‡∞ÄP ¿!ñP¬PéQ≤Q∏T·TU7UÎU&lt;VBW~W%]=]≥a›a≤eËe'kJk˘lm®o¡o’oˇoƒr‘r?s^sìt√t“t˝t2uHu*v‹vıvzzéz‚‚‚‚‚‚‚‚‚‚‚‚‚‚‚‚‚‚‚‚‚‚‚‚‚‚‚‚‚‚‚‚‚‚‚‚‚‚‚‚–¥,–†p@‡∞ÄP ¿!ê$(éz˘z{;{i{r{ê{‰{|V~|~Ä,ÄXÄfÄwÄõÄ™ÅÃÅ.ÇDÇñÖ≈ÖFÜQÜÊâ˝ânäüäœäÒä~çìç´çƒç‚‚‚‚‚‚‚‚‚‚‚‚‚‚‚‚‚‚¬‚‚‚‚‚‚‚‚‚‚‚‚‚‚‚–¥/X–†p@‡∞ÄP ¿!ê$–¥,–†p@‡∞ÄP ¿!ê$"ƒçÕçÿçπéŸéè&amp;èvèéèMêfê“êÒêcërëì3ìÄì∂ìGñãñ2óèóäò∞ò√òÈòô2ôùEùçü≥üŸü†‚‚‚‚‚‚‚‚‚‚‚‚‚‚‚‚‚‚‚‚‚¬‚‚‚‚‚‚‚‚‚‚‚‚–¥/R–†p@‡∞ÄP ¿!ê$–¥,–†p@‡∞ÄP ¿!ê$"†F°G°H°I°J°K°L°M°N°O°P°Q°R°h°Ëß˘ßY®q®!™§™¬™Ò™‚‚€‚‚€ææ∏úúúú‚‚‚‚‚‚‚‚¥,–†p@‡∞ÄP ¿!ê$¥,–†p@‡∞ÄP ¿!ê$¥–¥,–†p@‡∞ÄP ¿!ê$–¥–¥,–†p@‡∞ÄP ¿!ê$Ò™ó´∫´√´Ú´wÆùÆ‰ÆØü∞π∞6±ã±[≤~≤å≥Ø≥Wµ|µ(∂]∂{∑∏L∏g∏</w:t>
        <w:tab/>
        <w:t xml:space="preserve">ππ;π_π«ªº»º‰ºuø°øªøÔøm¡‹¡1¬‚‚‚‚‚‚‚‚‚Ÿ‚‚‚‚‚‚‚‚‚‚‚‚‚‚‚‚‚‚‚‚‚‚‚‚‚‚‚‚‚†0˝¥–¥,–†p@‡∞ÄP ¿!ê$'1¬i¬˛¬√B√\√qƒ‹ƒ"≈t≈.∆b∆≈∆#«,«P«i«Ç«Õ»Â»_…ã…zÀ¥ÀΩÀÃYÕÒÕŒGŒÀŒ'œSœpœZ’|’ÀŸ˙ŸÓ⁄˚⁄£‹‚‚‚‚‚‚‚‚‚‚‚‚‚‚‚‚‚‚‚‚‚‚‚‚‚‚‚‚‚‚‚‚‚‚‚‚‚‚‚‚–¥,–†p@‡∞ÄP ¿!ê$(£‹√‹%›U›ˆﬁEﬂo‡ˇ‡Ä·¥·!‚S‚íÂÆÊÂÈRÍ9ÎQÎ</w:t>
        <w:br w:type="page"/>
        <w:t xml:space="preserve">ÏmÏ%ÌLÌÙÔ$&amp;Ò?ÒQÒwÒ—ÒˆÒÛ&amp;Û∫ÛˆÛï˜ñ˜ó˜ò˜ô˜ö˜‚‚‚‚‚‚‚‚‚‚‚‚‚‚‚‚‚‚‚‚‚‚‚‚‚‚‚‚‚‚‚‚‚‚‚€‚‚‚–¥–¥,–†p@‡∞ÄP ¿!ê$'ö˜õ˜ú˜ù˜û˜†˜µ˜%¯3˚V˚≈˚¸¸X¸</w:t>
      </w:r>
    </w:p>
    <w:p>
      <w:pPr/>
      <w:r>
        <w:rPr>
          <w:rFonts w:ascii="Helvetica Light" w:hAnsi="Helvetica Light" w:cs="Helvetica Light"/>
          <w:sz w:val="24"/>
          <w:sz-cs w:val="24"/>
        </w:rPr>
        <w:t xml:space="preserve">˝A˝û˝¥˝Ω˝˙˝rˇ™ˇ‘ˇˇÏ"«–∂{„„„„·≈®®®®®®®®®®®®®®®®®®®®®®®®–∞,–†p@‡∞ÄP ¿!ê$∞,–†p@‡∞ÄP ¿!ê$–¥,–†p@‡∞ÄP ¿!ê${—È</w:t>
        <w:tab/>
        <w:t xml:space="preserve">&gt;</w:t>
        <w:br w:type="page"/>
        <w:t xml:space="preserve">Z</w:t>
        <w:br w:type="page"/>
        <w:t xml:space="preserve">ê</w:t>
      </w:r>
    </w:p>
    <w:p>
      <w:pPr/>
      <w:r>
        <w:rPr>
          <w:rFonts w:ascii="Helvetica Light" w:hAnsi="Helvetica Light" w:cs="Helvetica Light"/>
          <w:sz w:val="24"/>
          <w:sz-cs w:val="24"/>
        </w:rPr>
        <w:t xml:space="preserve"> </w:t>
      </w:r>
    </w:p>
    <w:p>
      <w:pPr/>
      <w:r>
        <w:rPr>
          <w:rFonts w:ascii="Helvetica Light" w:hAnsi="Helvetica Light" w:cs="Helvetica Light"/>
          <w:sz w:val="24"/>
          <w:sz-cs w:val="24"/>
        </w:rPr>
        <w:t xml:space="preserve">2&gt;-E≈ﬂ¸X˚l∑«ÈˆVpµŒ</w:t>
        <w:tab/>
        <w:t xml:space="preserve">ZˇGÄv ê ‚ </w:t>
        <w:br w:type="page"/>
        <w:t xml:space="preserve">!ë!≠!„!„„„„„„„„„„„„„„„„„„„„„„„„„„„„„„„„„„„„„„„„–∞,–†p@‡∞ÄP ¿!ê$(„!˝!'#c#8&amp;S&amp;R)õ)K*x*û*¿*”12–2</w:t>
        <w:tab/>
        <w:t xml:space="preserve">3ƒ3“3V6é6J7Ñ7{8˘8G&lt;É&lt;?"?:?T?A?A≥AœA„AjB’C#DêF¥FOH„„„„„„„„„„„„„„„„„„„„„„„„„„„„„„„„„„„„„„„„–∞,–†p@‡∞ÄP ¿!ê$(OHùHIŸISLÂLaMáMÈNOjO…P‹RSSfSgShSiSjSkSlSmSnSpSÖS,TZWÜW∏Y”Z∏]^a^z^&gt;b„„„„„„„„„„„„„„„„„„„„„„„„«„„„„„„„„„„∞,–†p@‡∞ÄP ¿!ê$–∞,–†p@‡∞ÄP ¿!ê$#&gt;bKbebobDp}p3qLqﬂr</w:t>
      </w:r>
    </w:p>
    <w:p>
      <w:pPr/>
      <w:r>
        <w:rPr>
          <w:rFonts w:ascii="Helvetica Light" w:hAnsi="Helvetica Light" w:cs="Helvetica Light"/>
          <w:sz w:val="24"/>
          <w:sz-cs w:val="24"/>
        </w:rPr>
        <w:t xml:space="preserve">smt}t;w^w |I|tπXÅáÅßÇ·ÇÑ^Ñ‚Ñ˜Ñ≥Ö◊Ö;ÜkÜ1äØä‰ä.ãîééˇë#íbí•íˆí„„„„„„„„„„„„„„„„„„„„„„„„„„„„„„„„„„„„„„„„–∞,–†p@‡∞ÄP ¿!ê$(ˆí</w:t>
      </w:r>
    </w:p>
    <w:p>
      <w:pPr/>
      <w:r>
        <w:rPr>
          <w:rFonts w:ascii="Helvetica Light" w:hAnsi="Helvetica Light" w:cs="Helvetica Light"/>
          <w:sz w:val="24"/>
          <w:sz-cs w:val="24"/>
        </w:rPr>
        <w:t xml:space="preserve">ìTìÄìàì±ìÒìRîÆî‡îï9ïﬂïˇïXñoñ≠ñ‰ñ</w:t>
      </w:r>
    </w:p>
    <w:p>
      <w:pPr/>
      <w:r>
        <w:rPr>
          <w:rFonts w:ascii="Helvetica Light" w:hAnsi="Helvetica Light" w:cs="Helvetica Light"/>
          <w:sz w:val="24"/>
          <w:sz-cs w:val="24"/>
        </w:rPr>
        <w:t xml:space="preserve">ó2óÇôiöÁö0õÚõRú;ûbûl†ê†ˇ°?¢ù£”£:§f§o§≠§€§•&amp;•„„„„„„„„„„„„„„„„„„„„„„„„„„„„„„„„„„„„„„„„–∞,–†p@‡∞ÄP ¿!ê$(&amp;•C•Ÿ•\¶5ß6ß7ß8ß9ß:ßPß•ßS©Ò©√´‡´¨&gt;¨d¨√¨H≠ç≠¡Æ„ÆœØ)∞≥8≥í∂√∂&amp;∫G∫ò∫ƒ∫ûº˝º!Ω&lt;Ω</w:t>
        <w:tab/>
        <w:t xml:space="preserve">æ-æÇæ„„„„„„„„„„„„„„„„„„„„„„„„„„„„„„„„„„„„„„„„–∞,–†p@‡∞ÄP ¿!ê$(Çæßæ∞æﬁæ“øÎø;¿K¿R¡å¡ß¡ÿ¡Ö»≠À€ÀÃÃ8Ã9ÃÅÃÇÃõÃúÃ‰ÃÂÃ„„„„„„„„„„„„„„»∆¨∆è∆å∆è∆/dˇ–†p@‡∞ÄP ¿!ê$,–†p@‡∞ÄP ¿!ê$,–†p@‡∞ÄP ¿!ê$–∞,–†p@‡∞ÄP ¿!ê$ÂÃ˛ÃˇÃGÕHÕaÕbÕ™Õ´ÕƒÕ≈Õ</w:t>
      </w:r>
    </w:p>
    <w:p>
      <w:pPr/>
      <w:r>
        <w:rPr>
          <w:rFonts w:ascii="Helvetica Light" w:hAnsi="Helvetica Light" w:cs="Helvetica Light"/>
          <w:sz w:val="24"/>
          <w:sz-cs w:val="24"/>
        </w:rPr>
        <w:t xml:space="preserve">ŒŒ'Œ(ŒpŒqŒäŒãŒ”Œ‘ŒÌŒÓŒ6œ7œPœQœôœöœõœúœ˝˚ﬁ˚˝˚ﬁ˚”˚ﬁ˚–˚ﬁ˚–˚ﬁ˚˝˚ﬁ˚˝˚ﬁ˚˚≥–∞,–†p@‡∞ÄP ¿!ê$</w:t>
      </w:r>
    </w:p>
    <w:p>
      <w:pPr/>
      <w:r>
        <w:rPr>
          <w:rFonts w:ascii="Helvetica Light" w:hAnsi="Helvetica Light" w:cs="Helvetica Light"/>
          <w:sz w:val="24"/>
          <w:sz-cs w:val="24"/>
        </w:rPr>
        <w:t xml:space="preserve">‡¿!ê$/dˇ–†p@‡∞ÄP ¿!ê$K@ÒˇNormal3a</w:t>
        <w:tab/>
        <w:t xml:space="preserve">"A@Úˇ°"Default Paragraph Font*@Ú*Header‡¿!ê$c)@¢Page Number˛OÚˇ</w:t>
        <w:br w:type="page"/>
        <w:t xml:space="preserve">Default Para˛OÚˇ!1]c, @2,Footer‡¿!ê$]c *@¢A Endnote Referenceh &amp;@¢Q Footnote ReferencehA“úÃCF˜O¨®∑¸Õ9ﬂKRû†ÙpPúÃ–ˇˇˇˇ¸–ˇˇˇˇ"—ˇˇˇˇF—ˇˇˇˇl—ˇˇˇˇí—ˇˇˇˇ∏—ˇˇˇˇ“ˇˇˇˇ&amp;“ˇˇˇˇc}∆‡)Cå¶Ô</w:t>
        <w:tab/>
        <w:t xml:space="preserve">Rlµœ2{~G°ôÃL“jklqÅOòc</w:t>
      </w:r>
    </w:p>
    <w:p>
      <w:pPr/>
      <w:r>
        <w:rPr>
          <w:rFonts w:ascii="Helvetica Light" w:hAnsi="Helvetica Light" w:cs="Helvetica Light"/>
          <w:sz w:val="24"/>
          <w:sz-cs w:val="24"/>
        </w:rPr>
        <w:t xml:space="preserve">|ì</w:t>
      </w:r>
    </w:p>
    <w:p>
      <w:pPr/>
      <w:r>
        <w:rPr>
          <w:rFonts w:ascii="Helvetica Light" w:hAnsi="Helvetica Light" w:cs="Helvetica Light"/>
          <w:sz w:val="24"/>
          <w:sz-cs w:val="24"/>
        </w:rPr>
        <w:t xml:space="preserve">ß·¿r÷ÎÛ√</w:t>
      </w:r>
    </w:p>
    <w:p>
      <w:pPr/>
      <w:r>
        <w:rPr>
          <w:rFonts w:ascii="Helvetica Light" w:hAnsi="Helvetica Light" w:cs="Helvetica Light"/>
          <w:sz w:val="24"/>
          <w:sz-cs w:val="24"/>
        </w:rPr>
        <w:t xml:space="preserve">Ë&lt;ñPézƒç†Ò™1¬£‹ö˜{„!OH&gt;bˆí&amp;•ÇæÂÃúœmnopqrstuvwxyz{|}~ÄÅÇÉÑÖÜáàˇ@iêTimes New Roman</w:t>
        <w:br w:type="page"/>
        <w:t xml:space="preserve">êSymbol"êArial1êCourierCourier NewIêTimesTimes New Romanº"ÄÄ–h¢Ì9f¢Ì9fgÀK,ÂGKEY: JF - Josey Fisher</w:t>
      </w:r>
    </w:p>
    <w:p>
      <w:pPr/>
      <w:r>
        <w:rPr>
          <w:rFonts w:ascii="Helvetica Light" w:hAnsi="Helvetica Light" w:cs="Helvetica Light"/>
          <w:sz w:val="24"/>
          <w:sz-cs w:val="24"/>
        </w:rPr>
        <w:t xml:space="preserve">Gratz CollegeTHE COHEN FAMILY</w:t>
        <w:tab/>
        <w:t xml:space="preserve"/>
      </w:r>
    </w:p>
    <w:p>
      <w:pPr/>
      <w:r>
        <w:rPr>
          <w:rFonts w:ascii="Helvetica Light" w:hAnsi="Helvetica Light" w:cs="Helvetica Light"/>
          <w:sz w:val="24"/>
          <w:sz-cs w:val="24"/>
        </w:rPr>
        <w:t xml:space="preserve"/>
        <w:br w:type="page"/>
        <w:t xml:space="preserve"/>
      </w:r>
    </w:p>
    <w:p>
      <w:pPr/>
      <w:r>
        <w:rPr>
          <w:rFonts w:ascii="Helvetica Light" w:hAnsi="Helvetica Light" w:cs="Helvetica Light"/>
          <w:sz w:val="24"/>
          <w:sz-cs w:val="24"/>
        </w:rPr>
        <w:t xml:space="preserve"> !"#$%&amp;'()*+,-./0123456789:;&lt;=&gt;?@ABCDEFGHIJKLMNOPQRSTUVWXYZ[\]^_`abcdefghijklmnopqrstuvwxyz{|}~ÄÅÇÉÑÖÜáàâäãåçéèêëíìîïñóòôöõúùûü†°¢£§•¶ß®©™´¨≠ÆØ∞±≤≥¥µ∂∑∏π∫ªºΩæø¿¡¬√ƒ≈∆«»… ÀÃÕŒœ–—“”‘’÷◊ÿŸ⁄€‹›ﬁﬂ‡·‚„‰ÂÊÁËÈÍÎÏÌÓÔÒÚÛÙıˆ˜¯˘˙˚¸˝˛ˇ</w:t>
        <w:tab/>
        <w:t xml:space="preserve"/>
      </w:r>
    </w:p>
    <w:p>
      <w:pPr/>
      <w:r>
        <w:rPr>
          <w:rFonts w:ascii="Helvetica Light" w:hAnsi="Helvetica Light" w:cs="Helvetica Light"/>
          <w:sz w:val="24"/>
          <w:sz-cs w:val="24"/>
        </w:rPr>
        <w:t xml:space="preserve"/>
        <w:br w:type="page"/>
        <w:t xml:space="preserve"/>
      </w:r>
    </w:p>
    <w:p>
      <w:pPr/>
      <w:r>
        <w:rPr>
          <w:rFonts w:ascii="Helvetica Light" w:hAnsi="Helvetica Light" w:cs="Helvetica Light"/>
          <w:sz w:val="24"/>
          <w:sz-cs w:val="24"/>
        </w:rPr>
        <w:t xml:space="preserve"> !"#$%&amp;'()*+,-./0123456789:;&lt;=&gt;?@ABCDEFGHIJKLMNOPQRSTUVWXYZ[\]^_`abcdefghijklmnopqrstuvwxyz{|}~ÄRoot Entryˇˇˇˇˇˇˇˇ</w:t>
        <w:tab/>
        <w:t xml:space="preserve">¿FÄ\ΩbÏ</w:t>
      </w:r>
    </w:p>
    <w:p>
      <w:pPr/>
      <w:r>
        <w:rPr>
          <w:rFonts w:ascii="Helvetica Light" w:hAnsi="Helvetica Light" w:cs="Helvetica Light"/>
          <w:sz w:val="24"/>
          <w:sz-cs w:val="24"/>
        </w:rPr>
        <w:t xml:space="preserve">ø`—ùÌ</w:t>
      </w:r>
    </w:p>
    <w:p>
      <w:pPr/>
      <w:r>
        <w:rPr>
          <w:rFonts w:ascii="Helvetica Light" w:hAnsi="Helvetica Light" w:cs="Helvetica Light"/>
          <w:sz w:val="24"/>
          <w:sz-cs w:val="24"/>
        </w:rPr>
        <w:t xml:space="preserve">øíÄWordDocument"ˇˇˇˇˇˇˇˇG≈tCompObjˇˇˇˇˇˇˇˇˇˇˇˇjSummaryInformation(ˇˇˇˇˇˇˇˇ»ˇˇˇˇˇˇˇˇˇˇˇˇˇˇˇˇˇˇˇˇˇˇˇˇˇˇˇˇˇˇˇˇˇˇˇˇˇˇˇˇˇˇˇˇˇˇˇˇˇˇˇˇˇˇˇˇˇˇˇˇì˝ˇˇˇ˛ˇˇˇõ˛ˇˇˇˇˇˇˇˇˇˇˇ˝ˇˇˇòôöú˛ˇˇˇùûü†°¢£§•¶ß®©™´¨≠ÆØ∞±≤≥¥µ∂∑∏π∫ªºΩæø¿¡¬√ƒ≈∆«»… ÀÃÕŒœ–—“”‘’÷◊ÿŸ⁄€‹›ﬁﬂ‡·‚„‰ÂÊÁËÈÍÎÏÌÓÔÒÚÛÙıˆ˜¯˘˙˚¸˝˛ˇ˛ˇˇˇ</w:t>
        <w:tab/>
        <w:t xml:space="preserve">˛ˇˇˇ</w:t>
        <w:br w:type="page"/>
        <w:t xml:space="preserve"/>
      </w:r>
    </w:p>
    <w:p>
      <w:pPr/>
      <w:r>
        <w:rPr>
          <w:rFonts w:ascii="Helvetica Light" w:hAnsi="Helvetica Light" w:cs="Helvetica Light"/>
          <w:sz w:val="24"/>
          <w:sz-cs w:val="24"/>
        </w:rPr>
        <w:t xml:space="preserve">˛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w:t>
      </w:r>
    </w:p>
    <w:p>
      <w:pPr/>
      <w:r>
        <w:rPr>
          <w:rFonts w:ascii="Helvetica Light" w:hAnsi="Helvetica Light" w:cs="Helvetica Light"/>
          <w:sz w:val="24"/>
          <w:sz-cs w:val="24"/>
        </w:rPr>
        <w:t xml:space="preserve">ˇˇˇˇ</w:t>
        <w:tab/>
        <w:t xml:space="preserve">¿FMicrosoft Word Document</w:t>
      </w:r>
    </w:p>
    <w:p>
      <w:pPr/>
      <w:r>
        <w:rPr>
          <w:rFonts w:ascii="Helvetica Light" w:hAnsi="Helvetica Light" w:cs="Helvetica Light"/>
          <w:sz w:val="24"/>
          <w:sz-cs w:val="24"/>
        </w:rPr>
        <w:t xml:space="preserve">MSWordDocWord.Document.6Ù9≤q˛ˇ‡ÖüÚ˘Oh´ë+'≥Ÿ0òêò∏ƒ‹ËÙ</w:t>
        <w:tab/>
        <w:t xml:space="preserve"> ,</w:t>
      </w:r>
    </w:p>
    <w:p>
      <w:pPr/>
      <w:r>
        <w:rPr>
          <w:rFonts w:ascii="Helvetica Light" w:hAnsi="Helvetica Light" w:cs="Helvetica Light"/>
          <w:sz w:val="24"/>
          <w:sz-cs w:val="24"/>
        </w:rPr>
        <w:t xml:space="preserve">T</w:t>
        <w:br w:type="page"/>
        <w:t xml:space="preserve">`</w:t>
      </w:r>
    </w:p>
    <w:p>
      <w:pPr/>
      <w:r>
        <w:rPr>
          <w:rFonts w:ascii="Helvetica Light" w:hAnsi="Helvetica Light" w:cs="Helvetica Light"/>
          <w:sz w:val="24"/>
          <w:sz-cs w:val="24"/>
        </w:rPr>
        <w:t xml:space="preserve">lxÄàê‰KEY: JF - Josey FisherGratz CollegeÉfMNormalTHE COHEN FAMILY†1êMicrosoft Word for Windows 9DocumentSummaryInformation8ˇˇˇˇˇˇˇˇˇˇˇˇ</w:t>
      </w:r>
    </w:p>
    <w:p>
      <w:pPr/>
      <w:r>
        <w:rPr>
          <w:rFonts w:ascii="Helvetica Light" w:hAnsi="Helvetica Light" w:cs="Helvetica Light"/>
          <w:sz w:val="24"/>
          <w:sz-cs w:val="24"/>
        </w:rPr>
        <w:t xml:space="preserve">‘ˇˇˇˇˇˇˇˇˇˇˇˇˇˇˇˇˇˇˇˇˇˇˇˇˇˇˇˇˇˇˇˇˇˇˇˇRoot Entryˇˇˇˇˇˇˇˇ</w:t>
        <w:tab/>
        <w:t xml:space="preserve">¿FÄ\ΩbÏ</w:t>
      </w:r>
    </w:p>
    <w:p>
      <w:pPr/>
      <w:r>
        <w:rPr>
          <w:rFonts w:ascii="Helvetica Light" w:hAnsi="Helvetica Light" w:cs="Helvetica Light"/>
          <w:sz w:val="24"/>
          <w:sz-cs w:val="24"/>
        </w:rPr>
        <w:t xml:space="preserve">øà€aÏ</w:t>
      </w:r>
    </w:p>
    <w:p>
      <w:pPr/>
      <w:r>
        <w:rPr>
          <w:rFonts w:ascii="Helvetica Light" w:hAnsi="Helvetica Light" w:cs="Helvetica Light"/>
          <w:sz w:val="24"/>
          <w:sz-cs w:val="24"/>
        </w:rPr>
        <w:t xml:space="preserve">øíÄWordDocument"ˇˇˇˇˇˇˇˇCompObjˇˇˇˇˇˇˇˇˇˇˇˇjSummaryInformation(ˇˇˇˇˇˇˇˇ»ÅÇÉÑÖÜáàâäã˛ˇˇˇ˝ˇˇˇ˝ˇˇˇ˝ˇˇˇˇˇˇˇˇˇˇˇ˛ˇˇˇõ˛ˇˇˇì˝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w:t>
        <w:tab/>
        <w:t xml:space="preserve"/>
      </w:r>
    </w:p>
    <w:p>
      <w:pPr/>
      <w:r>
        <w:rPr>
          <w:rFonts w:ascii="Helvetica Light" w:hAnsi="Helvetica Light" w:cs="Helvetica Light"/>
          <w:sz w:val="24"/>
          <w:sz-cs w:val="24"/>
        </w:rPr>
        <w:t xml:space="preserve"/>
        <w:br w:type="page"/>
        <w:t xml:space="preserve"/>
      </w:r>
    </w:p>
    <w:p>
      <w:pPr/>
      <w:r>
        <w:rPr>
          <w:rFonts w:ascii="Helvetica Light" w:hAnsi="Helvetica Light" w:cs="Helvetica Light"/>
          <w:sz w:val="24"/>
          <w:sz-cs w:val="24"/>
        </w:rPr>
        <w:t xml:space="preserve"> !"#$%&amp;'()*+,-./0123456789:;&lt;=&gt;?@ABCDEF˛ˇˇˇI˝ˇˇˇJKLMNOPQRSTUVWXYZ[\]^_`abcdefghijklmnopqrstuvwxyz{|}~Åerated-- I might as well start from the beginning. Actually one more inciden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We had one at that camp, Neumark. I remember when we first arrived, the farmers </w:t>
      </w:r>
    </w:p>
    <w:p>
      <w:pPr/>
      <w:r>
        <w:rPr>
          <w:rFonts w:ascii="Helvetica Light" w:hAnsi="Helvetica Light" w:cs="Helvetica Light"/>
          <w:sz w:val="24"/>
          <w:sz-cs w:val="24"/>
        </w:rPr>
        <w:t xml:space="preserve">from the territory came in to the camp to examine the new catch, new people that we were.  This </w:t>
      </w:r>
    </w:p>
    <w:p>
      <w:pPr/>
      <w:r>
        <w:rPr>
          <w:rFonts w:ascii="Helvetica Light" w:hAnsi="Helvetica Light" w:cs="Helvetica Light"/>
          <w:sz w:val="24"/>
          <w:sz-cs w:val="24"/>
        </w:rPr>
        <w:t xml:space="preserve">was the first time again in my life-- I wasn't that old-- I didn't live that long-- to see people </w:t>
      </w:r>
    </w:p>
    <w:p>
      <w:pPr/>
      <w:r>
        <w:rPr>
          <w:rFonts w:ascii="Helvetica Light" w:hAnsi="Helvetica Light" w:cs="Helvetica Light"/>
          <w:sz w:val="24"/>
          <w:sz-cs w:val="24"/>
        </w:rPr>
        <w:t xml:space="preserve">checking human muscles, to see a farmer walk up to a man and check out his muscles, tell him to </w:t>
      </w:r>
    </w:p>
    <w:p>
      <w:pPr/>
      <w:r>
        <w:rPr>
          <w:rFonts w:ascii="Helvetica Light" w:hAnsi="Helvetica Light" w:cs="Helvetica Light"/>
          <w:sz w:val="24"/>
          <w:sz-cs w:val="24"/>
        </w:rPr>
        <w:t xml:space="preserve">take off his jacket or whatever he had, a shirt or whatever, and check his muscles or check his </w:t>
      </w:r>
    </w:p>
    <w:p>
      <w:pPr/>
      <w:r>
        <w:rPr>
          <w:rFonts w:ascii="Helvetica Light" w:hAnsi="Helvetica Light" w:cs="Helvetica Light"/>
          <w:sz w:val="24"/>
          <w:sz-cs w:val="24"/>
        </w:rPr>
        <w:t xml:space="preserve">teeth. I knew from that time that's how you were checking horses, I knew that, that you have to </w:t>
      </w:r>
    </w:p>
    <w:p>
      <w:pPr/>
      <w:r>
        <w:rPr>
          <w:rFonts w:ascii="Helvetica Light" w:hAnsi="Helvetica Light" w:cs="Helvetica Light"/>
          <w:sz w:val="24"/>
          <w:sz-cs w:val="24"/>
        </w:rPr>
        <w:t xml:space="preserve">check horses by their teeth. The teeth would tell you their age and their health. And that's how we </w:t>
      </w:r>
    </w:p>
    <w:p>
      <w:pPr/>
      <w:r>
        <w:rPr>
          <w:rFonts w:ascii="Helvetica Light" w:hAnsi="Helvetica Light" w:cs="Helvetica Light"/>
          <w:sz w:val="24"/>
          <w:sz-cs w:val="24"/>
        </w:rPr>
        <w:t xml:space="preserve">were examined, and then the farmer says, "Yes, I will take this and I will take that." But never a </w:t>
      </w:r>
    </w:p>
    <w:p>
      <w:pPr/>
      <w:r>
        <w:rPr>
          <w:rFonts w:ascii="Helvetica Light" w:hAnsi="Helvetica Light" w:cs="Helvetica Light"/>
          <w:sz w:val="24"/>
          <w:sz-cs w:val="24"/>
        </w:rPr>
        <w:t xml:space="preserve">family. He just takes what he wants. The rest of the people stay in the camp. He took them to </w:t>
      </w:r>
    </w:p>
    <w:p>
      <w:pPr/>
      <w:r>
        <w:rPr>
          <w:rFonts w:ascii="Helvetica Light" w:hAnsi="Helvetica Light" w:cs="Helvetica Light"/>
          <w:sz w:val="24"/>
          <w:sz-cs w:val="24"/>
        </w:rPr>
        <w:t xml:space="preserve">farm to work for them. And that was like being liberated because there should be some food </w:t>
      </w:r>
    </w:p>
    <w:p>
      <w:pPr/>
      <w:r>
        <w:rPr>
          <w:rFonts w:ascii="Helvetica Light" w:hAnsi="Helvetica Light" w:cs="Helvetica Light"/>
          <w:sz w:val="24"/>
          <w:sz-cs w:val="24"/>
        </w:rPr>
        <w:t xml:space="preserve">there, there should be something. But one of the younger men were chosen like that that we </w:t>
      </w:r>
    </w:p>
    <w:p>
      <w:pPr/>
      <w:r>
        <w:rPr>
          <w:rFonts w:ascii="Helvetica Light" w:hAnsi="Helvetica Light" w:cs="Helvetica Light"/>
          <w:sz w:val="24"/>
          <w:sz-cs w:val="24"/>
        </w:rPr>
        <w:t xml:space="preserve">knew, that the parents knew, to go to the farm.  My father, knowing some German, because with </w:t>
      </w:r>
    </w:p>
    <w:p>
      <w:pPr/>
      <w:r>
        <w:rPr>
          <w:rFonts w:ascii="Helvetica Light" w:hAnsi="Helvetica Light" w:cs="Helvetica Light"/>
          <w:sz w:val="24"/>
          <w:sz-cs w:val="24"/>
        </w:rPr>
        <w:t xml:space="preserve">Ukies you couldn't make any arrangement in that camp, none whatsoever, because they were very </w:t>
      </w:r>
    </w:p>
    <w:p>
      <w:pPr/>
      <w:r>
        <w:rPr>
          <w:rFonts w:ascii="Helvetica Light" w:hAnsi="Helvetica Light" w:cs="Helvetica Light"/>
          <w:sz w:val="24"/>
          <w:sz-cs w:val="24"/>
        </w:rPr>
        <w:t xml:space="preserve">nasty to us, very nast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at do you mean, the Ukrainians would not let you work in a German far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you could not make any agreements with them. T5@@úz@Ï</w:t>
      </w:r>
    </w:p>
    <w:p>
      <w:pPr/>
      <w:r>
        <w:rPr>
          <w:rFonts w:ascii="Helvetica Light" w:hAnsi="Helvetica Light" w:cs="Helvetica Light"/>
          <w:sz w:val="24"/>
          <w:sz-cs w:val="24"/>
        </w:rPr>
        <w:t xml:space="preserve">ø@úz@Ï</w:t>
      </w:r>
    </w:p>
    <w:p>
      <w:pPr/>
      <w:r>
        <w:rPr>
          <w:rFonts w:ascii="Helvetica Light" w:hAnsi="Helvetica Light" w:cs="Helvetica Light"/>
          <w:sz w:val="24"/>
          <w:sz-cs w:val="24"/>
        </w:rPr>
        <w:t xml:space="preserve">øgÀK˛ˇ’Õ’ú.ìó+,˘Æ0§@HT\dl</w:t>
        <w:br w:type="page"/>
        <w:t xml:space="preserve">t‰ @Â,</w:t>
        <w:br w:type="page"/>
        <w:t xml:space="preserve">KEY: JF - Josey Fisheralk to them or anything. </w:t>
      </w:r>
    </w:p>
    <w:p>
      <w:pPr/>
      <w:r>
        <w:rPr>
          <w:rFonts w:ascii="Helvetica Light" w:hAnsi="Helvetica Light" w:cs="Helvetica Light"/>
          <w:sz w:val="24"/>
          <w:sz-cs w:val="24"/>
        </w:rPr>
        <w:t xml:space="preserve">They were very nasty to us, very nast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 \tab And, if the German farmers came to get people from that camp, the Ukrainian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at was all righ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at was all righ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Oh, yes. But then later on, in camp you couldn't talk to them. Like "Could I cook </w:t>
      </w:r>
    </w:p>
    <w:p>
      <w:pPr/>
      <w:r>
        <w:rPr>
          <w:rFonts w:ascii="Helvetica Light" w:hAnsi="Helvetica Light" w:cs="Helvetica Light"/>
          <w:sz w:val="24"/>
          <w:sz-cs w:val="24"/>
        </w:rPr>
        <w:t xml:space="preserve">something or this or that?" No. Nothing. They were in full control, they were in nasty control. I </w:t>
      </w:r>
    </w:p>
    <w:p>
      <w:pPr/>
      <w:r>
        <w:rPr>
          <w:rFonts w:ascii="Helvetica Light" w:hAnsi="Helvetica Light" w:cs="Helvetica Light"/>
          <w:sz w:val="24"/>
          <w:sz-cs w:val="24"/>
        </w:rPr>
        <w:t xml:space="preserve">was just a youngster but I knew like, they had lice problem or whatever, some kind of problems in </w:t>
      </w:r>
    </w:p>
    <w:p>
      <w:pPr/>
      <w:r>
        <w:rPr>
          <w:rFonts w:ascii="Helvetica Light" w:hAnsi="Helvetica Light" w:cs="Helvetica Light"/>
          <w:sz w:val="24"/>
          <w:sz-cs w:val="24"/>
        </w:rPr>
        <w:t xml:space="preserve">camps like that, because there was no cleaning facilities.  We never took showers, we never did </w:t>
      </w:r>
    </w:p>
    <w:p>
      <w:pPr/>
      <w:r>
        <w:rPr>
          <w:rFonts w:ascii="Helvetica Light" w:hAnsi="Helvetica Light" w:cs="Helvetica Light"/>
          <w:sz w:val="24"/>
          <w:sz-cs w:val="24"/>
        </w:rPr>
        <w:t xml:space="preserve">anything, so every so often, I think twice that I remember, they would chase us into the shower </w:t>
      </w:r>
    </w:p>
    <w:p>
      <w:pPr/>
      <w:r>
        <w:rPr>
          <w:rFonts w:ascii="Helvetica Light" w:hAnsi="Helvetica Light" w:cs="Helvetica Light"/>
          <w:sz w:val="24"/>
          <w:sz-cs w:val="24"/>
        </w:rPr>
        <w:t xml:space="preserve">room. So, again, when I remember, I went with women, but it was all together, anyway. One side </w:t>
      </w:r>
    </w:p>
    <w:p>
      <w:pPr/>
      <w:r>
        <w:rPr>
          <w:rFonts w:ascii="Helvetica Light" w:hAnsi="Helvetica Light" w:cs="Helvetica Light"/>
          <w:sz w:val="24"/>
          <w:sz-cs w:val="24"/>
        </w:rPr>
        <w:t xml:space="preserve">was women and the other side was men. but what they did: there were two tables, small tables, </w:t>
      </w:r>
    </w:p>
    <w:p>
      <w:pPr/>
      <w:r>
        <w:rPr>
          <w:rFonts w:ascii="Helvetica Light" w:hAnsi="Helvetica Light" w:cs="Helvetica Light"/>
          <w:sz w:val="24"/>
          <w:sz-cs w:val="24"/>
        </w:rPr>
        <w:t xml:space="preserve">the women were sitting at one table, men had to walk by her table, but his organ on the table and </w:t>
      </w:r>
    </w:p>
    <w:p>
      <w:pPr/>
      <w:r>
        <w:rPr>
          <w:rFonts w:ascii="Helvetica Light" w:hAnsi="Helvetica Light" w:cs="Helvetica Light"/>
          <w:sz w:val="24"/>
          <w:sz-cs w:val="24"/>
        </w:rPr>
        <w:t xml:space="preserve">she examined him. Not a doctor, a worker, a camp worker -- a woma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at was she examin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Just him as a male. Just for kicks. The women went by guys, and they were just </w:t>
      </w:r>
    </w:p>
    <w:p>
      <w:pPr/>
      <w:r>
        <w:rPr>
          <w:rFonts w:ascii="Helvetica Light" w:hAnsi="Helvetica Light" w:cs="Helvetica Light"/>
          <w:sz w:val="24"/>
          <w:sz-cs w:val="24"/>
        </w:rPr>
        <w:t xml:space="preserve">regular workers, they worked for us, and they were just exchanging, sitting there, you know. She </w:t>
      </w:r>
    </w:p>
    <w:p>
      <w:pPr/>
      <w:r>
        <w:rPr>
          <w:rFonts w:ascii="Helvetica Light" w:hAnsi="Helvetica Light" w:cs="Helvetica Light"/>
          <w:sz w:val="24"/>
          <w:sz-cs w:val="24"/>
        </w:rPr>
        <w:t xml:space="preserve">sat there for a certain length of time until she got tired of it and then another woman took over </w:t>
      </w:r>
    </w:p>
    <w:p>
      <w:pPr/>
      <w:r>
        <w:rPr>
          <w:rFonts w:ascii="Helvetica Light" w:hAnsi="Helvetica Light" w:cs="Helvetica Light"/>
          <w:sz w:val="24"/>
          <w:sz-cs w:val="24"/>
        </w:rPr>
        <w:t xml:space="preserve">and so forth. They were jus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 were not there to be looking for some kind of...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Not. They were just to dehumanize you. To remove another part of your </w:t>
      </w:r>
    </w:p>
    <w:p>
      <w:pPr/>
      <w:r>
        <w:rPr>
          <w:rFonts w:ascii="Helvetica Light" w:hAnsi="Helvetica Light" w:cs="Helvetica Light"/>
          <w:sz w:val="24"/>
          <w:sz-cs w:val="24"/>
        </w:rPr>
        <w:t xml:space="preserve">natural instinct to b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Modes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and to be yourself, not-- and women the same thing. Men were just sitting </w:t>
      </w:r>
    </w:p>
    <w:p>
      <w:pPr/>
      <w:r>
        <w:rPr>
          <w:rFonts w:ascii="Helvetica Light" w:hAnsi="Helvetica Light" w:cs="Helvetica Light"/>
          <w:sz w:val="24"/>
          <w:sz-cs w:val="24"/>
        </w:rPr>
        <w:t xml:space="preserve">there just making a big deal out of it.  "There's a woman." The woman would stand in front of his </w:t>
      </w:r>
    </w:p>
    <w:p>
      <w:pPr/>
      <w:r>
        <w:rPr>
          <w:rFonts w:ascii="Helvetica Light" w:hAnsi="Helvetica Light" w:cs="Helvetica Light"/>
          <w:sz w:val="24"/>
          <w:sz-cs w:val="24"/>
        </w:rPr>
        <w:t xml:space="preserve">desk and he would do his thing, whatever he wanted to d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at would they d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y would just examine them. They were touching them and they were joking to </w:t>
      </w:r>
    </w:p>
    <w:p>
      <w:pPr/>
      <w:r>
        <w:rPr>
          <w:rFonts w:ascii="Helvetica Light" w:hAnsi="Helvetica Light" w:cs="Helvetica Light"/>
          <w:sz w:val="24"/>
          <w:sz-cs w:val="24"/>
        </w:rPr>
        <w:t xml:space="preserve">each other and so forth, whatever. Big kick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at happened to you?\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y would not do anything to me, so I guess they did not have gay individuals </w:t>
      </w:r>
    </w:p>
    <w:p>
      <w:pPr/>
      <w:r>
        <w:rPr>
          <w:rFonts w:ascii="Helvetica Light" w:hAnsi="Helvetica Light" w:cs="Helvetica Light"/>
          <w:sz w:val="24"/>
          <w:sz-cs w:val="24"/>
        </w:rPr>
        <w:t xml:space="preserve">there or something, and I was not interesting enough for older women, for mature women. I was </w:t>
      </w:r>
    </w:p>
    <w:p>
      <w:pPr/>
      <w:r>
        <w:rPr>
          <w:rFonts w:ascii="Helvetica Light" w:hAnsi="Helvetica Light" w:cs="Helvetica Light"/>
          <w:sz w:val="24"/>
          <w:sz-cs w:val="24"/>
        </w:rPr>
        <w:t xml:space="preserve">never molested or made a fool of that way, but I had to undress and run around naked. I would </w:t>
      </w:r>
    </w:p>
    <w:p>
      <w:pPr/>
      <w:r>
        <w:rPr>
          <w:rFonts w:ascii="Helvetica Light" w:hAnsi="Helvetica Light" w:cs="Helvetica Light"/>
          <w:sz w:val="24"/>
          <w:sz-cs w:val="24"/>
        </w:rPr>
        <w:t xml:space="preserve">hide around my mother. Then would come the time that they turned the water on. I don't </w:t>
      </w:r>
    </w:p>
    <w:p>
      <w:pPr/>
      <w:r>
        <w:rPr>
          <w:rFonts w:ascii="Helvetica Light" w:hAnsi="Helvetica Light" w:cs="Helvetica Light"/>
          <w:sz w:val="24"/>
          <w:sz-cs w:val="24"/>
        </w:rPr>
        <w:t xml:space="preserve">remember soap or anything, but they put the water on. They would turn the water on. It was so </w:t>
      </w:r>
    </w:p>
    <w:p>
      <w:pPr/>
      <w:r>
        <w:rPr>
          <w:rFonts w:ascii="Helvetica Light" w:hAnsi="Helvetica Light" w:cs="Helvetica Light"/>
          <w:sz w:val="24"/>
          <w:sz-cs w:val="24"/>
        </w:rPr>
        <w:t xml:space="preserve">cold you could die. So everybody's shivering. There I was hiding under my mother to protect me </w:t>
      </w:r>
    </w:p>
    <w:p>
      <w:pPr/>
      <w:r>
        <w:rPr>
          <w:rFonts w:ascii="Helvetica Light" w:hAnsi="Helvetica Light" w:cs="Helvetica Light"/>
          <w:sz w:val="24"/>
          <w:sz-cs w:val="24"/>
        </w:rPr>
        <w:t xml:space="preserve">from the cold water, and pretty soon the water stops. Thank God. Aha! Another shower, hot, as </w:t>
      </w:r>
    </w:p>
    <w:p>
      <w:pPr/>
      <w:r>
        <w:rPr>
          <w:rFonts w:ascii="Helvetica Light" w:hAnsi="Helvetica Light" w:cs="Helvetica Light"/>
          <w:sz w:val="24"/>
          <w:sz-cs w:val="24"/>
        </w:rPr>
        <w:t xml:space="preserve">hot as you can make it. You can't stand it. You start screaming and the kids were screaming, </w:t>
      </w:r>
    </w:p>
    <w:p>
      <w:pPr/>
      <w:r>
        <w:rPr>
          <w:rFonts w:ascii="Helvetica Light" w:hAnsi="Helvetica Light" w:cs="Helvetica Light"/>
          <w:sz w:val="24"/>
          <w:sz-cs w:val="24"/>
        </w:rPr>
        <w:t xml:space="preserve">hiding. Just playing around, those people. That was shower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oying with you?\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erribl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nd again, these were Ukrainian guards all the tim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Ukrainian. Yes, and I am working with one right now. I don't remember him. I </w:t>
      </w:r>
    </w:p>
    <w:p>
      <w:pPr/>
      <w:r>
        <w:rPr>
          <w:rFonts w:ascii="Helvetica Light" w:hAnsi="Helvetica Light" w:cs="Helvetica Light"/>
          <w:sz w:val="24"/>
          <w:sz-cs w:val="24"/>
        </w:rPr>
        <w:t xml:space="preserve">know my mother would and I still don't have enough guts to take a picture of hi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e-- the Ukrainian man that you are working with, do you think this is someone </w:t>
      </w:r>
    </w:p>
    <w:p>
      <w:pPr/>
      <w:r>
        <w:rPr>
          <w:rFonts w:ascii="Helvetica Light" w:hAnsi="Helvetica Light" w:cs="Helvetica Light"/>
          <w:sz w:val="24"/>
          <w:sz-cs w:val="24"/>
        </w:rPr>
        <w:t xml:space="preserve">that your parents knew o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y would recognize him because we go, once a week, to a dinner, certain </w:t>
      </w:r>
    </w:p>
    <w:p>
      <w:pPr/>
      <w:r>
        <w:rPr>
          <w:rFonts w:ascii="Helvetica Light" w:hAnsi="Helvetica Light" w:cs="Helvetica Light"/>
          <w:sz w:val="24"/>
          <w:sz-cs w:val="24"/>
        </w:rPr>
        <w:t xml:space="preserve">groups, individuals that work there, we go outside to dinner. It's more or less like a restaurant - </w:t>
      </w:r>
    </w:p>
    <w:p>
      <w:pPr/>
      <w:r>
        <w:rPr>
          <w:rFonts w:ascii="Helvetica Light" w:hAnsi="Helvetica Light" w:cs="Helvetica Light"/>
          <w:sz w:val="24"/>
          <w:sz-cs w:val="24"/>
        </w:rPr>
        <w:t xml:space="preserve">beer place, so we have hot meal and a beer or a cognac, whatever, with it. Well, this guy had a </w:t>
      </w:r>
    </w:p>
    <w:p>
      <w:pPr/>
      <w:r>
        <w:rPr>
          <w:rFonts w:ascii="Helvetica Light" w:hAnsi="Helvetica Light" w:cs="Helvetica Light"/>
          <w:sz w:val="24"/>
          <w:sz-cs w:val="24"/>
        </w:rPr>
        <w:t xml:space="preserve">few brandies and he started talking about Germany and what camps he was in. He was Ukrainian. </w:t>
      </w:r>
    </w:p>
    <w:p>
      <w:pPr/>
      <w:r>
        <w:rPr>
          <w:rFonts w:ascii="Helvetica Light" w:hAnsi="Helvetica Light" w:cs="Helvetica Light"/>
          <w:sz w:val="24"/>
          <w:sz-cs w:val="24"/>
        </w:rPr>
        <w:t xml:space="preserve">So I said, "Which camp were you in?" and he says, "Neumark." Well, I should have kept my </w:t>
      </w:r>
    </w:p>
    <w:p>
      <w:pPr/>
      <w:r>
        <w:rPr>
          <w:rFonts w:ascii="Helvetica Light" w:hAnsi="Helvetica Light" w:cs="Helvetica Light"/>
          <w:sz w:val="24"/>
          <w:sz-cs w:val="24"/>
        </w:rPr>
        <w:t xml:space="preserve">mouth shut but I say, "I was in Neumark," and that killed the whole thing. I said, "How comes </w:t>
      </w:r>
    </w:p>
    <w:p>
      <w:pPr/>
      <w:r>
        <w:rPr>
          <w:rFonts w:ascii="Helvetica Light" w:hAnsi="Helvetica Light" w:cs="Helvetica Light"/>
          <w:sz w:val="24"/>
          <w:sz-cs w:val="24"/>
        </w:rPr>
        <w:t xml:space="preserve">you were in Neumark?" You are in Ukrainian," and he says, "Yes, but they kept me as a </w:t>
      </w:r>
    </w:p>
    <w:p>
      <w:pPr/>
      <w:r>
        <w:rPr>
          <w:rFonts w:ascii="Helvetica Light" w:hAnsi="Helvetica Light" w:cs="Helvetica Light"/>
          <w:sz w:val="24"/>
          <w:sz-cs w:val="24"/>
        </w:rPr>
        <w:t xml:space="preserve">prisoner." "Prisoner of what?" Neumark was divided into two camps. One side of the wall was the </w:t>
      </w:r>
    </w:p>
    <w:p>
      <w:pPr/>
      <w:r>
        <w:rPr>
          <w:rFonts w:ascii="Helvetica Light" w:hAnsi="Helvetica Light" w:cs="Helvetica Light"/>
          <w:sz w:val="24"/>
          <w:sz-cs w:val="24"/>
        </w:rPr>
        <w:t xml:space="preserve">animals, us, and the other side were the privileged people, that that took care of us. So he was </w:t>
      </w:r>
    </w:p>
    <w:p>
      <w:pPr/>
      <w:r>
        <w:rPr>
          <w:rFonts w:ascii="Helvetica Light" w:hAnsi="Helvetica Light" w:cs="Helvetica Light"/>
          <w:sz w:val="24"/>
          <w:sz-cs w:val="24"/>
        </w:rPr>
        <w:t xml:space="preserve">one of the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 guard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the guards, the worker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orker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 real guards were Germans. They walked with German shepherds. There were </w:t>
      </w:r>
    </w:p>
    <w:p>
      <w:pPr/>
      <w:r>
        <w:rPr>
          <w:rFonts w:ascii="Helvetica Light" w:hAnsi="Helvetica Light" w:cs="Helvetica Light"/>
          <w:sz w:val="24"/>
          <w:sz-cs w:val="24"/>
        </w:rPr>
        <w:t xml:space="preserve">towers. It was not a concentration camp where they had uniforms and they were determined to </w:t>
      </w:r>
    </w:p>
    <w:p>
      <w:pPr/>
      <w:r>
        <w:rPr>
          <w:rFonts w:ascii="Helvetica Light" w:hAnsi="Helvetica Light" w:cs="Helvetica Light"/>
          <w:sz w:val="24"/>
          <w:sz-cs w:val="24"/>
        </w:rPr>
        <w:t xml:space="preserve">kill you right away, but it was a camp that they were eliminating somebody everyday. Just beating </w:t>
      </w:r>
    </w:p>
    <w:p>
      <w:pPr/>
      <w:r>
        <w:rPr>
          <w:rFonts w:ascii="Helvetica Light" w:hAnsi="Helvetica Light" w:cs="Helvetica Light"/>
          <w:sz w:val="24"/>
          <w:sz-cs w:val="24"/>
        </w:rPr>
        <w:t xml:space="preserve">them to death until they didn't move. You didn't know if they died, they just removed them from </w:t>
      </w:r>
    </w:p>
    <w:p>
      <w:pPr/>
      <w:r>
        <w:rPr>
          <w:rFonts w:ascii="Helvetica Light" w:hAnsi="Helvetica Light" w:cs="Helvetica Light"/>
          <w:sz w:val="24"/>
          <w:sz-cs w:val="24"/>
        </w:rPr>
        <w:t xml:space="preserve">the premises and you never saw them again. You just-- constantly-- we went to one funeral like </w:t>
      </w:r>
    </w:p>
    <w:p>
      <w:pPr/>
      <w:r>
        <w:rPr>
          <w:rFonts w:ascii="Helvetica Light" w:hAnsi="Helvetica Light" w:cs="Helvetica Light"/>
          <w:sz w:val="24"/>
          <w:sz-cs w:val="24"/>
        </w:rPr>
        <w:t xml:space="preserve">that.  You never went to a funeral, but something happened and my mother insisted that she wants </w:t>
      </w:r>
    </w:p>
    <w:p>
      <w:pPr/>
      <w:r>
        <w:rPr>
          <w:rFonts w:ascii="Helvetica Light" w:hAnsi="Helvetica Light" w:cs="Helvetica Light"/>
          <w:sz w:val="24"/>
          <w:sz-cs w:val="24"/>
        </w:rPr>
        <w:t xml:space="preserve">to have a funeral for that woman, I think it wa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is was in the camp?\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n the camp. So they allowed us. Couple, I know that I went there. I was always </w:t>
      </w:r>
    </w:p>
    <w:p>
      <w:pPr/>
      <w:r>
        <w:rPr>
          <w:rFonts w:ascii="Helvetica Light" w:hAnsi="Helvetica Light" w:cs="Helvetica Light"/>
          <w:sz w:val="24"/>
          <w:sz-cs w:val="24"/>
        </w:rPr>
        <w:t xml:space="preserve">altar boy. So there we were. There were no priests; they were also removed from our premises. </w:t>
      </w:r>
    </w:p>
    <w:p>
      <w:pPr/>
      <w:r>
        <w:rPr>
          <w:rFonts w:ascii="Helvetica Light" w:hAnsi="Helvetica Light" w:cs="Helvetica Light"/>
          <w:sz w:val="24"/>
          <w:sz-cs w:val="24"/>
        </w:rPr>
        <w:t xml:space="preserve">They were in separate places, camps. Funeral, there was no funeral. Somebody said some kind of </w:t>
      </w:r>
    </w:p>
    <w:p>
      <w:pPr/>
      <w:r>
        <w:rPr>
          <w:rFonts w:ascii="Helvetica Light" w:hAnsi="Helvetica Light" w:cs="Helvetica Light"/>
          <w:sz w:val="24"/>
          <w:sz-cs w:val="24"/>
        </w:rPr>
        <w:t xml:space="preserve">prayer. Guards. The body was in a paper sack. It was just thrown into a ditch and you\'92re not </w:t>
      </w:r>
    </w:p>
    <w:p>
      <w:pPr/>
      <w:r>
        <w:rPr>
          <w:rFonts w:ascii="Helvetica Light" w:hAnsi="Helvetica Light" w:cs="Helvetica Light"/>
          <w:sz w:val="24"/>
          <w:sz-cs w:val="24"/>
        </w:rPr>
        <w:t xml:space="preserve">allowed to even cover it. On the side there were other bodies laying, like ash. They must have </w:t>
      </w:r>
    </w:p>
    <w:p>
      <w:pPr/>
      <w:r>
        <w:rPr>
          <w:rFonts w:ascii="Helvetica Light" w:hAnsi="Helvetica Light" w:cs="Helvetica Light"/>
          <w:sz w:val="24"/>
          <w:sz-cs w:val="24"/>
        </w:rPr>
        <w:t xml:space="preserve">been burning them. There was one young girl that still made some movement. She was laying on </w:t>
      </w:r>
    </w:p>
    <w:p>
      <w:pPr/>
      <w:r>
        <w:rPr>
          <w:rFonts w:ascii="Helvetica Light" w:hAnsi="Helvetica Light" w:cs="Helvetica Light"/>
          <w:sz w:val="24"/>
          <w:sz-cs w:val="24"/>
        </w:rPr>
        <w:t xml:space="preserve">that pile of the bodi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She was still aliv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She was partially alive, and you couldn't do anyth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ere there any kind of public executions, or was it more impromptu beating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there was no-- in those camps I was in, there was nothing like that. Other </w:t>
      </w:r>
    </w:p>
    <w:p>
      <w:pPr/>
      <w:r>
        <w:rPr>
          <w:rFonts w:ascii="Helvetica Light" w:hAnsi="Helvetica Light" w:cs="Helvetica Light"/>
          <w:sz w:val="24"/>
          <w:sz-cs w:val="24"/>
        </w:rPr>
        <w:t xml:space="preserve">camps they had some. No. This was just constant, constant cut-down on food an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llnesses and starvatio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f you would ever get ill, that's i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as there any medical facility at all? Any medicin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there was no doctor. No way. When the Americans liberated-- that's, that </w:t>
      </w:r>
    </w:p>
    <w:p>
      <w:pPr/>
      <w:r>
        <w:rPr>
          <w:rFonts w:ascii="Helvetica Light" w:hAnsi="Helvetica Light" w:cs="Helvetica Light"/>
          <w:sz w:val="24"/>
          <w:sz-cs w:val="24"/>
        </w:rPr>
        <w:t xml:space="preserve">comes later, we went to that farmer, a young man, that was picked by a farmer. Somehow my </w:t>
      </w:r>
    </w:p>
    <w:p>
      <w:pPr/>
      <w:r>
        <w:rPr>
          <w:rFonts w:ascii="Helvetica Light" w:hAnsi="Helvetica Light" w:cs="Helvetica Light"/>
          <w:sz w:val="24"/>
          <w:sz-cs w:val="24"/>
        </w:rPr>
        <w:t xml:space="preserve">father made arrangements, like I said, you couldn't make arrangements with Ukrainians, so he </w:t>
      </w:r>
    </w:p>
    <w:p>
      <w:pPr/>
      <w:r>
        <w:rPr>
          <w:rFonts w:ascii="Helvetica Light" w:hAnsi="Helvetica Light" w:cs="Helvetica Light"/>
          <w:sz w:val="24"/>
          <w:sz-cs w:val="24"/>
        </w:rPr>
        <w:t xml:space="preserve">made arrangements with a }{\plain \i Lagerf\'fchrer}{\plain , or was it a }{\plain \i Oberlagerf\'fchrer}{\plain  - his assistant lager, camp </w:t>
      </w:r>
    </w:p>
    <w:p>
      <w:pPr/>
      <w:r>
        <w:rPr>
          <w:rFonts w:ascii="Helvetica Light" w:hAnsi="Helvetica Light" w:cs="Helvetica Light"/>
          <w:sz w:val="24"/>
          <w:sz-cs w:val="24"/>
        </w:rPr>
        <w:t xml:space="preserve">director, assistant camp director, to allow two of his sons to walk over to that farmer, to go there </w:t>
      </w:r>
    </w:p>
    <w:p>
      <w:pPr/>
      <w:r>
        <w:rPr>
          <w:rFonts w:ascii="Helvetica Light" w:hAnsi="Helvetica Light" w:cs="Helvetica Light"/>
          <w:sz w:val="24"/>
          <w:sz-cs w:val="24"/>
        </w:rPr>
        <w:t xml:space="preserve">to visit this guy and came back. No wa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and your brothe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a.  "No way." How could-- somehow they made out that we can go. Only us </w:t>
      </w:r>
    </w:p>
    <w:p>
      <w:pPr/>
      <w:r>
        <w:rPr>
          <w:rFonts w:ascii="Helvetica Light" w:hAnsi="Helvetica Light" w:cs="Helvetica Light"/>
          <w:sz w:val="24"/>
          <w:sz-cs w:val="24"/>
        </w:rPr>
        <w:t xml:space="preserve">tw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at were you supposedly going to d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We were supposed to-- they knew that they would not allow us to bring any food </w:t>
      </w:r>
    </w:p>
    <w:p>
      <w:pPr/>
      <w:r>
        <w:rPr>
          <w:rFonts w:ascii="Helvetica Light" w:hAnsi="Helvetica Light" w:cs="Helvetica Light"/>
          <w:sz w:val="24"/>
          <w:sz-cs w:val="24"/>
        </w:rPr>
        <w:t xml:space="preserve">in, but eat as much as you can, whatever you ca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nd the }{\plain \i Lagerf\'fchrer}{\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we were just allowed to go to visit this gu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at was the premis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 premise, yes, to go to visit him, because we knew him, and after all, these are </w:t>
      </w:r>
    </w:p>
    <w:p>
      <w:pPr/>
      <w:r>
        <w:rPr>
          <w:rFonts w:ascii="Helvetica Light" w:hAnsi="Helvetica Light" w:cs="Helvetica Light"/>
          <w:sz w:val="24"/>
          <w:sz-cs w:val="24"/>
        </w:rPr>
        <w:t xml:space="preserve">young kids and everything, and they were together for x number of years. Why can't they go there </w:t>
      </w:r>
    </w:p>
    <w:p>
      <w:pPr/>
      <w:r>
        <w:rPr>
          <w:rFonts w:ascii="Helvetica Light" w:hAnsi="Helvetica Light" w:cs="Helvetica Light"/>
          <w:sz w:val="24"/>
          <w:sz-cs w:val="24"/>
        </w:rPr>
        <w:t xml:space="preserve">and perhaps later on they will be working for this farmer, whatever, blah, blah, blah. So they </w:t>
      </w:r>
    </w:p>
    <w:p>
      <w:pPr/>
      <w:r>
        <w:rPr>
          <w:rFonts w:ascii="Helvetica Light" w:hAnsi="Helvetica Light" w:cs="Helvetica Light"/>
          <w:sz w:val="24"/>
          <w:sz-cs w:val="24"/>
        </w:rPr>
        <w:t xml:space="preserve">allowed us to g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he bribe the guard, or the }{\plain \i Oberf\'fchrer, Lagerf\'fchrer}{\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don't think you could bribe them. No! They would not be interested in any </w:t>
      </w:r>
    </w:p>
    <w:p>
      <w:pPr/>
      <w:r>
        <w:rPr>
          <w:rFonts w:ascii="Helvetica Light" w:hAnsi="Helvetica Light" w:cs="Helvetica Light"/>
          <w:sz w:val="24"/>
          <w:sz-cs w:val="24"/>
        </w:rPr>
        <w:t xml:space="preserve">money; there was nothing like that, because everything that they had-- it was all theirs. Just like a </w:t>
      </w:r>
    </w:p>
    <w:p>
      <w:pPr/>
      <w:r>
        <w:rPr>
          <w:rFonts w:ascii="Helvetica Light" w:hAnsi="Helvetica Light" w:cs="Helvetica Light"/>
          <w:sz w:val="24"/>
          <w:sz-cs w:val="24"/>
        </w:rPr>
        <w:t xml:space="preserve">canary you have in a cage. They can bribe you.  "If you let me, I'll give you my egg-- oh, you </w:t>
      </w:r>
    </w:p>
    <w:p>
      <w:pPr/>
      <w:r>
        <w:rPr>
          <w:rFonts w:ascii="Helvetica Light" w:hAnsi="Helvetica Light" w:cs="Helvetica Light"/>
          <w:sz w:val="24"/>
          <w:sz-cs w:val="24"/>
        </w:rPr>
        <w:t xml:space="preserve">don't have to let me..." [unclear] So my father explained, you can't take a piece of paper to show a </w:t>
      </w:r>
    </w:p>
    <w:p>
      <w:pPr/>
      <w:r>
        <w:rPr>
          <w:rFonts w:ascii="Helvetica Light" w:hAnsi="Helvetica Light" w:cs="Helvetica Light"/>
          <w:sz w:val="24"/>
          <w:sz-cs w:val="24"/>
        </w:rPr>
        <w:t xml:space="preserve">map or anything-- explained how to go there. We went there. We found the place, I don't know </w:t>
      </w:r>
    </w:p>
    <w:p>
      <w:pPr/>
      <w:r>
        <w:rPr>
          <w:rFonts w:ascii="Helvetica Light" w:hAnsi="Helvetica Light" w:cs="Helvetica Light"/>
          <w:sz w:val="24"/>
          <w:sz-cs w:val="24"/>
        </w:rPr>
        <w:t xml:space="preserve">how. You can't ask anybody, you just have to go through the wilderness, never through populated </w:t>
      </w:r>
    </w:p>
    <w:p>
      <w:pPr/>
      <w:r>
        <w:rPr>
          <w:rFonts w:ascii="Helvetica Light" w:hAnsi="Helvetica Light" w:cs="Helvetica Light"/>
          <w:sz w:val="24"/>
          <w:sz-cs w:val="24"/>
        </w:rPr>
        <w:t xml:space="preserve">area, and we got to the place. We recognized it from a distance. We couldn't even run. We were </w:t>
      </w:r>
    </w:p>
    <w:p>
      <w:pPr/>
      <w:r>
        <w:rPr>
          <w:rFonts w:ascii="Helvetica Light" w:hAnsi="Helvetica Light" w:cs="Helvetica Light"/>
          <w:sz w:val="24"/>
          <w:sz-cs w:val="24"/>
        </w:rPr>
        <w:t xml:space="preserve">very weak. We got there. Right away he started making sign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o? The young ma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 young man because of the farmer, because he is around and keeping eye on </w:t>
      </w:r>
    </w:p>
    <w:p>
      <w:pPr/>
      <w:r>
        <w:rPr>
          <w:rFonts w:ascii="Helvetica Light" w:hAnsi="Helvetica Light" w:cs="Helvetica Light"/>
          <w:sz w:val="24"/>
          <w:sz-cs w:val="24"/>
        </w:rPr>
        <w:t xml:space="preserve">me. We said, "Is there any food around?" and he says, "No." I said, "Come on, we are very </w:t>
      </w:r>
    </w:p>
    <w:p>
      <w:pPr/>
      <w:r>
        <w:rPr>
          <w:rFonts w:ascii="Helvetica Light" w:hAnsi="Helvetica Light" w:cs="Helvetica Light"/>
          <w:sz w:val="24"/>
          <w:sz-cs w:val="24"/>
        </w:rPr>
        <w:t xml:space="preserve">hungry." Then we heard chickens in a chicken coop. There must be eggs in it. We got to the </w:t>
      </w:r>
    </w:p>
    <w:p>
      <w:pPr/>
      <w:r>
        <w:rPr>
          <w:rFonts w:ascii="Helvetica Light" w:hAnsi="Helvetica Light" w:cs="Helvetica Light"/>
          <w:sz w:val="24"/>
          <w:sz-cs w:val="24"/>
        </w:rPr>
        <w:t xml:space="preserve">chicken coop and grabbed some eggs and the chickens started making an awful lot of noise and </w:t>
      </w:r>
    </w:p>
    <w:p>
      <w:pPr/>
      <w:r>
        <w:rPr>
          <w:rFonts w:ascii="Helvetica Light" w:hAnsi="Helvetica Light" w:cs="Helvetica Light"/>
          <w:sz w:val="24"/>
          <w:sz-cs w:val="24"/>
        </w:rPr>
        <w:t xml:space="preserve">the farmer came out. [unclear]. No, no, no, no!  We didn't have a chance to say "hello" to this guy </w:t>
      </w:r>
    </w:p>
    <w:p>
      <w:pPr/>
      <w:r>
        <w:rPr>
          <w:rFonts w:ascii="Helvetica Light" w:hAnsi="Helvetica Light" w:cs="Helvetica Light"/>
          <w:sz w:val="24"/>
          <w:sz-cs w:val="24"/>
        </w:rPr>
        <w:t xml:space="preserve">or anything. I grabbed a whole egg and pushed it in my mouth and just swallowed it pretending </w:t>
      </w:r>
    </w:p>
    <w:p>
      <w:pPr/>
      <w:r>
        <w:rPr>
          <w:rFonts w:ascii="Helvetica Light" w:hAnsi="Helvetica Light" w:cs="Helvetica Light"/>
          <w:sz w:val="24"/>
          <w:sz-cs w:val="24"/>
        </w:rPr>
        <w:t xml:space="preserve">that I don't have anything and I guess my brother even did do it or-- and we had to just run and go </w:t>
      </w:r>
    </w:p>
    <w:p>
      <w:pPr/>
      <w:r>
        <w:rPr>
          <w:rFonts w:ascii="Helvetica Light" w:hAnsi="Helvetica Light" w:cs="Helvetica Light"/>
          <w:sz w:val="24"/>
          <w:sz-cs w:val="24"/>
        </w:rPr>
        <w:t xml:space="preserve">before they turned the dogs on us. It was actually more wasted energy than it was worth because-- on the way back...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re was no danger of you being picked up in a situation like tha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don't think that anybody cares, except my father told us to stay away from </w:t>
      </w:r>
    </w:p>
    <w:p>
      <w:pPr/>
      <w:r>
        <w:rPr>
          <w:rFonts w:ascii="Helvetica Light" w:hAnsi="Helvetica Light" w:cs="Helvetica Light"/>
          <w:sz w:val="24"/>
          <w:sz-cs w:val="24"/>
        </w:rPr>
        <w:t xml:space="preserve">populated areas. Don't go through populated areas. We went through just open fields and wood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it cross your mind to keep on go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No. No language. We couldn'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didn't have the languag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Never. You had something very dear left behind; and the only thing you could </w:t>
      </w:r>
    </w:p>
    <w:p>
      <w:pPr/>
      <w:r>
        <w:rPr>
          <w:rFonts w:ascii="Helvetica Light" w:hAnsi="Helvetica Light" w:cs="Helvetica Light"/>
          <w:sz w:val="24"/>
          <w:sz-cs w:val="24"/>
        </w:rPr>
        <w:t xml:space="preserve">do is think how to free them. There was no way you-- It was a tough situation that you were in. </w:t>
      </w:r>
    </w:p>
    <w:p>
      <w:pPr/>
      <w:r>
        <w:rPr>
          <w:rFonts w:ascii="Helvetica Light" w:hAnsi="Helvetica Light" w:cs="Helvetica Light"/>
          <w:sz w:val="24"/>
          <w:sz-cs w:val="24"/>
        </w:rPr>
        <w:t xml:space="preserve">Say you could run away. So, where could you go? I don't know. On the way back, there was a </w:t>
      </w:r>
    </w:p>
    <w:p>
      <w:pPr/>
      <w:r>
        <w:rPr>
          <w:rFonts w:ascii="Helvetica Light" w:hAnsi="Helvetica Light" w:cs="Helvetica Light"/>
          <w:sz w:val="24"/>
          <w:sz-cs w:val="24"/>
        </w:rPr>
        <w:t xml:space="preserve">German convoy going not too far from the camp, and Americans caught up with them. Three </w:t>
      </w:r>
    </w:p>
    <w:p>
      <w:pPr/>
      <w:r>
        <w:rPr>
          <w:rFonts w:ascii="Helvetica Light" w:hAnsi="Helvetica Light" w:cs="Helvetica Light"/>
          <w:sz w:val="24"/>
          <w:sz-cs w:val="24"/>
        </w:rPr>
        <w:t xml:space="preserve">planes, one coming down, going up, constantly just working right through the whole convoy, </w:t>
      </w:r>
    </w:p>
    <w:p>
      <w:pPr/>
      <w:r>
        <w:rPr>
          <w:rFonts w:ascii="Helvetica Light" w:hAnsi="Helvetica Light" w:cs="Helvetica Light"/>
          <w:sz w:val="24"/>
          <w:sz-cs w:val="24"/>
        </w:rPr>
        <w:t xml:space="preserve">[made noise] dropping small bombs, napalm, I think, and they just destroyed that convoy </w:t>
      </w:r>
    </w:p>
    <w:p>
      <w:pPr/>
      <w:r>
        <w:rPr>
          <w:rFonts w:ascii="Helvetica Light" w:hAnsi="Helvetica Light" w:cs="Helvetica Light"/>
          <w:sz w:val="24"/>
          <w:sz-cs w:val="24"/>
        </w:rPr>
        <w:t xml:space="preserve">beautifully. We knew-- It looked to us that they were bombing the camp. We cried, we kissed, we </w:t>
      </w:r>
    </w:p>
    <w:p>
      <w:pPr/>
      <w:r>
        <w:rPr>
          <w:rFonts w:ascii="Helvetica Light" w:hAnsi="Helvetica Light" w:cs="Helvetica Light"/>
          <w:sz w:val="24"/>
          <w:sz-cs w:val="24"/>
        </w:rPr>
        <w:t xml:space="preserve">hugged. That was the end of our parents, the end of everything. As closer we got to the camp, the </w:t>
      </w:r>
    </w:p>
    <w:p>
      <w:pPr/>
      <w:r>
        <w:rPr>
          <w:rFonts w:ascii="Helvetica Light" w:hAnsi="Helvetica Light" w:cs="Helvetica Light"/>
          <w:sz w:val="24"/>
          <w:sz-cs w:val="24"/>
        </w:rPr>
        <w:t xml:space="preserve">more we realized, it's not the camp, it's German soldiers, the convoy was caught. They were </w:t>
      </w:r>
    </w:p>
    <w:p>
      <w:pPr/>
      <w:r>
        <w:rPr>
          <w:rFonts w:ascii="Helvetica Light" w:hAnsi="Helvetica Light" w:cs="Helvetica Light"/>
          <w:sz w:val="24"/>
          <w:sz-cs w:val="24"/>
        </w:rPr>
        <w:t xml:space="preserve">destroyed right on the road that goes by the camp. Horses-- they still had horses, killed, just </w:t>
      </w:r>
    </w:p>
    <w:p>
      <w:pPr/>
      <w:r>
        <w:rPr>
          <w:rFonts w:ascii="Helvetica Light" w:hAnsi="Helvetica Light" w:cs="Helvetica Light"/>
          <w:sz w:val="24"/>
          <w:sz-cs w:val="24"/>
        </w:rPr>
        <w:t xml:space="preserve">upside down, [unclear] trucks, vehicles burning, everything. Well, we got to the camp and told </w:t>
      </w:r>
    </w:p>
    <w:p>
      <w:pPr/>
      <w:r>
        <w:rPr>
          <w:rFonts w:ascii="Helvetica Light" w:hAnsi="Helvetica Light" w:cs="Helvetica Light"/>
          <w:sz w:val="24"/>
          <w:sz-cs w:val="24"/>
        </w:rPr>
        <w:t xml:space="preserve">them the news-- Nothing, Germans killed all over. For the next three weeks, I think, all we had to </w:t>
      </w:r>
    </w:p>
    <w:p>
      <w:pPr/>
      <w:r>
        <w:rPr>
          <w:rFonts w:ascii="Helvetica Light" w:hAnsi="Helvetica Light" w:cs="Helvetica Light"/>
          <w:sz w:val="24"/>
          <w:sz-cs w:val="24"/>
        </w:rPr>
        <w:t xml:space="preserve">eat, and that is not right away. It was-- it must have been summertime, because those horses blew </w:t>
      </w:r>
    </w:p>
    <w:p>
      <w:pPr/>
      <w:r>
        <w:rPr>
          <w:rFonts w:ascii="Helvetica Light" w:hAnsi="Helvetica Light" w:cs="Helvetica Light"/>
          <w:sz w:val="24"/>
          <w:sz-cs w:val="24"/>
        </w:rPr>
        <w:t xml:space="preserve">up real big and after they had exploded already they drug them, and we had to-- the man had to </w:t>
      </w:r>
    </w:p>
    <w:p>
      <w:pPr/>
      <w:r>
        <w:rPr>
          <w:rFonts w:ascii="Helvetica Light" w:hAnsi="Helvetica Light" w:cs="Helvetica Light"/>
          <w:sz w:val="24"/>
          <w:sz-cs w:val="24"/>
        </w:rPr>
        <w:t xml:space="preserve">drug the horse in one at a time; one day, one horse, and they would cut the horse's head off and </w:t>
      </w:r>
    </w:p>
    <w:p>
      <w:pPr/>
      <w:r>
        <w:rPr>
          <w:rFonts w:ascii="Helvetica Light" w:hAnsi="Helvetica Light" w:cs="Helvetica Light"/>
          <w:sz w:val="24"/>
          <w:sz-cs w:val="24"/>
        </w:rPr>
        <w:t xml:space="preserve">put it at the door of the kitchen, where you walk by to pick up your food. Flies all over it, prop it </w:t>
      </w:r>
    </w:p>
    <w:p>
      <w:pPr/>
      <w:r>
        <w:rPr>
          <w:rFonts w:ascii="Helvetica Light" w:hAnsi="Helvetica Light" w:cs="Helvetica Light"/>
          <w:sz w:val="24"/>
          <w:sz-cs w:val="24"/>
        </w:rPr>
        <w:t xml:space="preserve">up so you can see the teeth they even put one-- you can put the stick into the mouth of the horse </w:t>
      </w:r>
    </w:p>
    <w:p>
      <w:pPr/>
      <w:r>
        <w:rPr>
          <w:rFonts w:ascii="Helvetica Light" w:hAnsi="Helvetica Light" w:cs="Helvetica Light"/>
          <w:sz w:val="24"/>
          <w:sz-cs w:val="24"/>
        </w:rPr>
        <w:t xml:space="preserve">so it's open and you can really see the teeth, and all the smell and everything. They would give us </w:t>
      </w:r>
    </w:p>
    <w:p>
      <w:pPr/>
      <w:r>
        <w:rPr>
          <w:rFonts w:ascii="Helvetica Light" w:hAnsi="Helvetica Light" w:cs="Helvetica Light"/>
          <w:sz w:val="24"/>
          <w:sz-cs w:val="24"/>
        </w:rPr>
        <w:t xml:space="preserve">food made from that meat. But you know? That didn't make any difference. That didn't make any </w:t>
      </w:r>
    </w:p>
    <w:p>
      <w:pPr/>
      <w:r>
        <w:rPr>
          <w:rFonts w:ascii="Helvetica Light" w:hAnsi="Helvetica Light" w:cs="Helvetica Light"/>
          <w:sz w:val="24"/>
          <w:sz-cs w:val="24"/>
        </w:rPr>
        <w:t xml:space="preserve">differenc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were too hungry-- or too desensitize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don't know. It didn't change the taste. It didn't do anything. It's unreal, you know. </w:t>
      </w:r>
    </w:p>
    <w:p>
      <w:pPr/>
      <w:r>
        <w:rPr>
          <w:rFonts w:ascii="Helvetica Light" w:hAnsi="Helvetica Light" w:cs="Helvetica Light"/>
          <w:sz w:val="24"/>
          <w:sz-cs w:val="24"/>
        </w:rPr>
        <w:t xml:space="preserve">I think about it now. It didn't make any difference. The food didn't taste different. The food was </w:t>
      </w:r>
    </w:p>
    <w:p>
      <w:pPr/>
      <w:r>
        <w:rPr>
          <w:rFonts w:ascii="Helvetica Light" w:hAnsi="Helvetica Light" w:cs="Helvetica Light"/>
          <w:sz w:val="24"/>
          <w:sz-cs w:val="24"/>
        </w:rPr>
        <w:t xml:space="preserve">not differen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said the food in this camp was particularly ba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t was very bad. The Ukrainians would cook for themselves, let's say, potatoes, in </w:t>
      </w:r>
    </w:p>
    <w:p>
      <w:pPr/>
      <w:r>
        <w:rPr>
          <w:rFonts w:ascii="Helvetica Light" w:hAnsi="Helvetica Light" w:cs="Helvetica Light"/>
          <w:sz w:val="24"/>
          <w:sz-cs w:val="24"/>
        </w:rPr>
        <w:t xml:space="preserve">those big kitchen-- whatever they call them, real huge floor-type pots, like what, 150-gallon job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 vat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 vats, whatever you call them, I don\'92t know what you call them, that steam </w:t>
      </w:r>
    </w:p>
    <w:p>
      <w:pPr/>
      <w:r>
        <w:rPr>
          <w:rFonts w:ascii="Helvetica Light" w:hAnsi="Helvetica Light" w:cs="Helvetica Light"/>
          <w:sz w:val="24"/>
          <w:sz-cs w:val="24"/>
        </w:rPr>
        <w:t xml:space="preserve">heats those things. They would cook their food in that, then they would throw some soap in or </w:t>
      </w:r>
    </w:p>
    <w:p>
      <w:pPr/>
      <w:r>
        <w:rPr>
          <w:rFonts w:ascii="Helvetica Light" w:hAnsi="Helvetica Light" w:cs="Helvetica Light"/>
          <w:sz w:val="24"/>
          <w:sz-cs w:val="24"/>
        </w:rPr>
        <w:t xml:space="preserve">something, I don't know what, something that made it bluish-- they would throw a lot of water, </w:t>
      </w:r>
    </w:p>
    <w:p>
      <w:pPr/>
      <w:r>
        <w:rPr>
          <w:rFonts w:ascii="Helvetica Light" w:hAnsi="Helvetica Light" w:cs="Helvetica Light"/>
          <w:sz w:val="24"/>
          <w:sz-cs w:val="24"/>
        </w:rPr>
        <w:t xml:space="preserve">they would throw a lot of potato peelings, unwashed, and whatever leftovers they had, I imagine </w:t>
      </w:r>
    </w:p>
    <w:p>
      <w:pPr/>
      <w:r>
        <w:rPr>
          <w:rFonts w:ascii="Helvetica Light" w:hAnsi="Helvetica Light" w:cs="Helvetica Light"/>
          <w:sz w:val="24"/>
          <w:sz-cs w:val="24"/>
        </w:rPr>
        <w:t xml:space="preserve">they would throw into those containers. Put water, and I think they were putting some soap in </w:t>
      </w:r>
    </w:p>
    <w:p>
      <w:pPr/>
      <w:r>
        <w:rPr>
          <w:rFonts w:ascii="Helvetica Light" w:hAnsi="Helvetica Light" w:cs="Helvetica Light"/>
          <w:sz w:val="24"/>
          <w:sz-cs w:val="24"/>
        </w:rPr>
        <w:t xml:space="preserve">probably to get even with us. But soap was hard to get. I don't know what made it bluish. All </w:t>
      </w:r>
    </w:p>
    <w:p>
      <w:pPr/>
      <w:r>
        <w:rPr>
          <w:rFonts w:ascii="Helvetica Light" w:hAnsi="Helvetica Light" w:cs="Helvetica Light"/>
          <w:sz w:val="24"/>
          <w:sz-cs w:val="24"/>
        </w:rPr>
        <w:t xml:space="preserve">bluish water. Ugly. And then they would feed it to us, not hot, not cold, like lukewar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nd that's what you would have, when, at noon-tim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Only once a day, once a day they would give it to us. It was-- when I was with </w:t>
      </w:r>
    </w:p>
    <w:p>
      <w:pPr/>
      <w:r>
        <w:rPr>
          <w:rFonts w:ascii="Helvetica Light" w:hAnsi="Helvetica Light" w:cs="Helvetica Light"/>
          <w:sz w:val="24"/>
          <w:sz-cs w:val="24"/>
        </w:rPr>
        <w:t xml:space="preserve">women-- I guess it was around noon-time. Now, in the evening, men, I guess. So maybe it was </w:t>
      </w:r>
    </w:p>
    <w:p>
      <w:pPr/>
      <w:r>
        <w:rPr>
          <w:rFonts w:ascii="Helvetica Light" w:hAnsi="Helvetica Light" w:cs="Helvetica Light"/>
          <w:sz w:val="24"/>
          <w:sz-cs w:val="24"/>
        </w:rPr>
        <w:t xml:space="preserve">twice a da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But that's the only food you got? There was no brea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and when we would get us this liquid, and it would go right through you. It </w:t>
      </w:r>
    </w:p>
    <w:p>
      <w:pPr/>
      <w:r>
        <w:rPr>
          <w:rFonts w:ascii="Helvetica Light" w:hAnsi="Helvetica Light" w:cs="Helvetica Light"/>
          <w:sz w:val="24"/>
          <w:sz-cs w:val="24"/>
        </w:rPr>
        <w:t xml:space="preserve">was unreal. And if somebody would find a piece of meat, or something, they would share it, give </w:t>
      </w:r>
    </w:p>
    <w:p>
      <w:pPr/>
      <w:r>
        <w:rPr>
          <w:rFonts w:ascii="Helvetica Light" w:hAnsi="Helvetica Light" w:cs="Helvetica Light"/>
          <w:sz w:val="24"/>
          <w:sz-cs w:val="24"/>
        </w:rPr>
        <w:t xml:space="preserve">it to the kid. Share it. By mistake there is meat in this mixtur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describe the horse and the horse meat that must have been used at some </w:t>
      </w:r>
    </w:p>
    <w:p>
      <w:pPr/>
      <w:r>
        <w:rPr>
          <w:rFonts w:ascii="Helvetica Light" w:hAnsi="Helvetica Light" w:cs="Helvetica Light"/>
          <w:sz w:val="24"/>
          <w:sz-cs w:val="24"/>
        </w:rPr>
        <w:t xml:space="preserve">point. Was that-- that was an exception, the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at was an exception because they were killed a couple of days prior to this. But </w:t>
      </w:r>
    </w:p>
    <w:p>
      <w:pPr/>
      <w:r>
        <w:rPr>
          <w:rFonts w:ascii="Helvetica Light" w:hAnsi="Helvetica Light" w:cs="Helvetica Light"/>
          <w:sz w:val="24"/>
          <w:sz-cs w:val="24"/>
        </w:rPr>
        <w:t xml:space="preserve">that was all not sanitary, and everything was cooked to be sanitary. I remember looking around </w:t>
      </w:r>
    </w:p>
    <w:p>
      <w:pPr/>
      <w:r>
        <w:rPr>
          <w:rFonts w:ascii="Helvetica Light" w:hAnsi="Helvetica Light" w:cs="Helvetica Light"/>
          <w:sz w:val="24"/>
          <w:sz-cs w:val="24"/>
        </w:rPr>
        <w:t xml:space="preserve">the trash, finding some potatoes and grabbing that. That was more delicious than apples. If you </w:t>
      </w:r>
    </w:p>
    <w:p>
      <w:pPr/>
      <w:r>
        <w:rPr>
          <w:rFonts w:ascii="Helvetica Light" w:hAnsi="Helvetica Light" w:cs="Helvetica Light"/>
          <w:sz w:val="24"/>
          <w:sz-cs w:val="24"/>
        </w:rPr>
        <w:t xml:space="preserve">found a potato some place, that was very good. You got completely dehumanized. You had no </w:t>
      </w:r>
    </w:p>
    <w:p>
      <w:pPr/>
      <w:r>
        <w:rPr>
          <w:rFonts w:ascii="Helvetica Light" w:hAnsi="Helvetica Light" w:cs="Helvetica Light"/>
          <w:sz w:val="24"/>
          <w:sz-cs w:val="24"/>
        </w:rPr>
        <w:t xml:space="preserve">more feelings about anything. After a couple showers like that, and all that food, and all that </w:t>
      </w:r>
    </w:p>
    <w:p>
      <w:pPr/>
      <w:r>
        <w:rPr>
          <w:rFonts w:ascii="Helvetica Light" w:hAnsi="Helvetica Light" w:cs="Helvetica Light"/>
          <w:sz w:val="24"/>
          <w:sz-cs w:val="24"/>
        </w:rPr>
        <w:t xml:space="preserve">nonsense. In the morning, "Good morning" was Ukrainians would open the door and yell, "}{\plain \i Alles </w:t>
      </w:r>
    </w:p>
    <w:p>
      <w:pPr/>
      <w:r>
        <w:rPr>
          <w:rFonts w:ascii="Helvetica Light" w:hAnsi="Helvetica Light" w:cs="Helvetica Light"/>
          <w:sz w:val="24"/>
          <w:sz-cs w:val="24"/>
        </w:rPr>
        <w:t xml:space="preserve">M\'e4nner heraus. Verfluchte Donnerwetter, alles M\'e4nner heraus}{\plain !"  "Damn it to hell whatever. All </w:t>
      </w:r>
    </w:p>
    <w:p>
      <w:pPr/>
      <w:r>
        <w:rPr>
          <w:rFonts w:ascii="Helvetica Light" w:hAnsi="Helvetica Light" w:cs="Helvetica Light"/>
          <w:sz w:val="24"/>
          <w:sz-cs w:val="24"/>
        </w:rPr>
        <w:t xml:space="preserve">men, get out." That was good morning. Let's work. Then you had to work, but you always had </w:t>
      </w:r>
    </w:p>
    <w:p>
      <w:pPr/>
      <w:r>
        <w:rPr>
          <w:rFonts w:ascii="Helvetica Light" w:hAnsi="Helvetica Light" w:cs="Helvetica Light"/>
          <w:sz w:val="24"/>
          <w:sz-cs w:val="24"/>
        </w:rPr>
        <w:t xml:space="preserve">}{\plain \i Verfluchte Donnerwetter}{\plain !  "Damn it to hell," or "God damn it to hell!  All the men out!" Then you </w:t>
      </w:r>
    </w:p>
    <w:p>
      <w:pPr/>
      <w:r>
        <w:rPr>
          <w:rFonts w:ascii="Helvetica Light" w:hAnsi="Helvetica Light" w:cs="Helvetica Light"/>
          <w:sz w:val="24"/>
          <w:sz-cs w:val="24"/>
        </w:rPr>
        <w:t xml:space="preserve">wen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as there any kind of religious observance in the camp?\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re was once that I remember. I'm glad that you asked that. And I think that's </w:t>
      </w:r>
    </w:p>
    <w:p>
      <w:pPr/>
      <w:r>
        <w:rPr>
          <w:rFonts w:ascii="Helvetica Light" w:hAnsi="Helvetica Light" w:cs="Helvetica Light"/>
          <w:sz w:val="24"/>
          <w:sz-cs w:val="24"/>
        </w:rPr>
        <w:t xml:space="preserve">why I can't-- I feel very blue around holidays: Easter, Christmas, I feel terribly depressed. We had, </w:t>
      </w:r>
    </w:p>
    <w:p>
      <w:pPr/>
      <w:r>
        <w:rPr>
          <w:rFonts w:ascii="Helvetica Light" w:hAnsi="Helvetica Light" w:cs="Helvetica Light"/>
          <w:sz w:val="24"/>
          <w:sz-cs w:val="24"/>
        </w:rPr>
        <w:t xml:space="preserve">I think it was Easter or something, in one of their garages or something. I remember a big Hitler's </w:t>
      </w:r>
    </w:p>
    <w:p>
      <w:pPr/>
      <w:r>
        <w:rPr>
          <w:rFonts w:ascii="Helvetica Light" w:hAnsi="Helvetica Light" w:cs="Helvetica Light"/>
          <w:sz w:val="24"/>
          <w:sz-cs w:val="24"/>
        </w:rPr>
        <w:t xml:space="preserve">portrait, very high, a very big one and underneath they had some kind of a table, altar, Ukrainian </w:t>
      </w:r>
    </w:p>
    <w:p>
      <w:pPr/>
      <w:r>
        <w:rPr>
          <w:rFonts w:ascii="Helvetica Light" w:hAnsi="Helvetica Light" w:cs="Helvetica Light"/>
          <w:sz w:val="24"/>
          <w:sz-cs w:val="24"/>
        </w:rPr>
        <w:t xml:space="preserve">Orthodox. Monks were all around it, they dressed differently, and they were singing to Hitler, </w:t>
      </w:r>
    </w:p>
    <w:p>
      <w:pPr/>
      <w:r>
        <w:rPr>
          <w:rFonts w:ascii="Helvetica Light" w:hAnsi="Helvetica Light" w:cs="Helvetica Light"/>
          <w:sz w:val="24"/>
          <w:sz-cs w:val="24"/>
        </w:rPr>
        <w:t xml:space="preserve">praying to Hitler, but mentioning God in there, for God to help Hitler, and [unclear] the whole </w:t>
      </w:r>
    </w:p>
    <w:p>
      <w:pPr/>
      <w:r>
        <w:rPr>
          <w:rFonts w:ascii="Helvetica Light" w:hAnsi="Helvetica Light" w:cs="Helvetica Light"/>
          <w:sz w:val="24"/>
          <w:sz-cs w:val="24"/>
        </w:rPr>
        <w:t xml:space="preserve">German nation. Ya, that was the religious ceremony we went t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is was in the last camp?\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 last camp, y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o was leading the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re? There it was their side that they felt probably we need religion. They were </w:t>
      </w:r>
    </w:p>
    <w:p>
      <w:pPr/>
      <w:r>
        <w:rPr>
          <w:rFonts w:ascii="Helvetica Light" w:hAnsi="Helvetica Light" w:cs="Helvetica Light"/>
          <w:sz w:val="24"/>
          <w:sz-cs w:val="24"/>
        </w:rPr>
        <w:t xml:space="preserve">Ukrainians. They were allowed to have their religion but they probably felt that this was a sacred </w:t>
      </w:r>
    </w:p>
    <w:p>
      <w:pPr/>
      <w:r>
        <w:rPr>
          <w:rFonts w:ascii="Helvetica Light" w:hAnsi="Helvetica Light" w:cs="Helvetica Light"/>
          <w:sz w:val="24"/>
          <w:sz-cs w:val="24"/>
        </w:rPr>
        <w:t xml:space="preserve">time. We should probably allow the rest of the animals to also enjoy this. But I still remember </w:t>
      </w:r>
    </w:p>
    <w:p>
      <w:pPr/>
      <w:r>
        <w:rPr>
          <w:rFonts w:ascii="Helvetica Light" w:hAnsi="Helvetica Light" w:cs="Helvetica Light"/>
          <w:sz w:val="24"/>
          <w:sz-cs w:val="24"/>
        </w:rPr>
        <w:t xml:space="preserve">praying, not us, but them praying to Hitler in their language. I never took Ukrainian, but I could </w:t>
      </w:r>
    </w:p>
    <w:p>
      <w:pPr/>
      <w:r>
        <w:rPr>
          <w:rFonts w:ascii="Helvetica Light" w:hAnsi="Helvetica Light" w:cs="Helvetica Light"/>
          <w:sz w:val="24"/>
          <w:sz-cs w:val="24"/>
        </w:rPr>
        <w:t xml:space="preserve">understand, because the words are similar. They were Slavish.\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t was the one time that that would happe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at was the only time that I remember. No other thing. Never any school, there </w:t>
      </w:r>
    </w:p>
    <w:p>
      <w:pPr/>
      <w:r>
        <w:rPr>
          <w:rFonts w:ascii="Helvetica Light" w:hAnsi="Helvetica Light" w:cs="Helvetica Light"/>
          <w:sz w:val="24"/>
          <w:sz-cs w:val="24"/>
        </w:rPr>
        <w:t xml:space="preserve">was never any medical, noth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re was no school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ever. Noth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ere you able to maintain any kind of time, either individually or with your family, </w:t>
      </w:r>
    </w:p>
    <w:p>
      <w:pPr/>
      <w:r>
        <w:rPr>
          <w:rFonts w:ascii="Helvetica Light" w:hAnsi="Helvetica Light" w:cs="Helvetica Light"/>
          <w:sz w:val="24"/>
          <w:sz-cs w:val="24"/>
        </w:rPr>
        <w:t xml:space="preserve">for any kind of prayer? Did that help at all?\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t never happened. On the trains I remember that they were singing religious </w:t>
      </w:r>
    </w:p>
    <w:p>
      <w:pPr/>
      <w:r>
        <w:rPr>
          <w:rFonts w:ascii="Helvetica Light" w:hAnsi="Helvetica Light" w:cs="Helvetica Light"/>
          <w:sz w:val="24"/>
          <w:sz-cs w:val="24"/>
        </w:rPr>
        <w:t xml:space="preserve">songs, never political, just religious, to keep them alive because it was cold. Just to get everybody </w:t>
      </w:r>
    </w:p>
    <w:p>
      <w:pPr/>
      <w:r>
        <w:rPr>
          <w:rFonts w:ascii="Helvetica Light" w:hAnsi="Helvetica Light" w:cs="Helvetica Light"/>
          <w:sz w:val="24"/>
          <w:sz-cs w:val="24"/>
        </w:rPr>
        <w:t xml:space="preserve">involved, I guess, psychologically to get them involved. Not to give up. Later on, as soon as we </w:t>
      </w:r>
    </w:p>
    <w:p>
      <w:pPr/>
      <w:r>
        <w:rPr>
          <w:rFonts w:ascii="Helvetica Light" w:hAnsi="Helvetica Light" w:cs="Helvetica Light"/>
          <w:sz w:val="24"/>
          <w:sz-cs w:val="24"/>
        </w:rPr>
        <w:t xml:space="preserve">hit the camps, they removed all that. Nobody ever talked. Period. About anything.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you find that you used or relied on religion at all as an individual?\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Yes. Deeply. For some reason that is the only thing I think that helped us to </w:t>
      </w:r>
    </w:p>
    <w:p>
      <w:pPr/>
      <w:r>
        <w:rPr>
          <w:rFonts w:ascii="Helvetica Light" w:hAnsi="Helvetica Light" w:cs="Helvetica Light"/>
          <w:sz w:val="24"/>
          <w:sz-cs w:val="24"/>
        </w:rPr>
        <w:t xml:space="preserve">survive: hoping that there is a miracle around the corner. That something will happen. This cannot </w:t>
      </w:r>
    </w:p>
    <w:p>
      <w:pPr/>
      <w:r>
        <w:rPr>
          <w:rFonts w:ascii="Helvetica Light" w:hAnsi="Helvetica Light" w:cs="Helvetica Light"/>
          <w:sz w:val="24"/>
          <w:sz-cs w:val="24"/>
        </w:rPr>
        <w:t xml:space="preserve">be allowed to go any further. May I stop at this point? [tape off and on] Religion actually was the </w:t>
      </w:r>
    </w:p>
    <w:p>
      <w:pPr/>
      <w:r>
        <w:rPr>
          <w:rFonts w:ascii="Helvetica Light" w:hAnsi="Helvetica Light" w:cs="Helvetica Light"/>
          <w:sz w:val="24"/>
          <w:sz-cs w:val="24"/>
        </w:rPr>
        <w:t xml:space="preserve">only thing that even us as kids helped us to survive from day to day. For some reason we could </w:t>
      </w:r>
    </w:p>
    <w:p>
      <w:pPr/>
      <w:r>
        <w:rPr>
          <w:rFonts w:ascii="Helvetica Light" w:hAnsi="Helvetica Light" w:cs="Helvetica Light"/>
          <w:sz w:val="24"/>
          <w:sz-cs w:val="24"/>
        </w:rPr>
        <w:t xml:space="preserve">communicate by just looking at each other into the eyes, and we all thought about the same thing, </w:t>
      </w:r>
    </w:p>
    <w:p>
      <w:pPr/>
      <w:r>
        <w:rPr>
          <w:rFonts w:ascii="Helvetica Light" w:hAnsi="Helvetica Light" w:cs="Helvetica Light"/>
          <w:sz w:val="24"/>
          <w:sz-cs w:val="24"/>
        </w:rPr>
        <w:t xml:space="preserve">that perhaps tomorrow will change. Things will change, but we did not say it out loud because, I </w:t>
      </w:r>
    </w:p>
    <w:p>
      <w:pPr/>
      <w:r>
        <w:rPr>
          <w:rFonts w:ascii="Helvetica Light" w:hAnsi="Helvetica Light" w:cs="Helvetica Light"/>
          <w:sz w:val="24"/>
          <w:sz-cs w:val="24"/>
        </w:rPr>
        <w:t xml:space="preserve">guess, you were not allowed to say it alou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is was you and your brother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Us. Me and my brothers and the parents. Every so often would try to catch their </w:t>
      </w:r>
    </w:p>
    <w:p>
      <w:pPr/>
      <w:r>
        <w:rPr>
          <w:rFonts w:ascii="Helvetica Light" w:hAnsi="Helvetica Light" w:cs="Helvetica Light"/>
          <w:sz w:val="24"/>
          <w:sz-cs w:val="24"/>
        </w:rPr>
        <w:t xml:space="preserve">eye, which was very sad. Once you are in that type of situation, it is so sad that just the glimpse of </w:t>
      </w:r>
    </w:p>
    <w:p>
      <w:pPr/>
      <w:r>
        <w:rPr>
          <w:rFonts w:ascii="Helvetica Light" w:hAnsi="Helvetica Light" w:cs="Helvetica Light"/>
          <w:sz w:val="24"/>
          <w:sz-cs w:val="24"/>
        </w:rPr>
        <w:t xml:space="preserve">somebody's eye tells you the whole story. You don't want to say why. Like my children. I get so </w:t>
      </w:r>
    </w:p>
    <w:p>
      <w:pPr/>
      <w:r>
        <w:rPr>
          <w:rFonts w:ascii="Helvetica Light" w:hAnsi="Helvetica Light" w:cs="Helvetica Light"/>
          <w:sz w:val="24"/>
          <w:sz-cs w:val="24"/>
        </w:rPr>
        <w:t xml:space="preserve">upset. You tell them something and right away comes, "Why? Why?" And I say, "Well, can't you </w:t>
      </w:r>
    </w:p>
    <w:p>
      <w:pPr/>
      <w:r>
        <w:rPr>
          <w:rFonts w:ascii="Helvetica Light" w:hAnsi="Helvetica Light" w:cs="Helvetica Light"/>
          <w:sz w:val="24"/>
          <w:sz-cs w:val="24"/>
        </w:rPr>
        <w:t xml:space="preserve">figure out something by yourself?"\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re was, in other words, much more non-verbal kind of communicatio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it was like feeling. It wasn't body language, because there wasn't much of a </w:t>
      </w:r>
    </w:p>
    <w:p>
      <w:pPr/>
      <w:r>
        <w:rPr>
          <w:rFonts w:ascii="Helvetica Light" w:hAnsi="Helvetica Light" w:cs="Helvetica Light"/>
          <w:sz w:val="24"/>
          <w:sz-cs w:val="24"/>
        </w:rPr>
        <w:t xml:space="preserve">body. But I think it was just like a...\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re was certainly an intimacy about your experiences, shared knowledge of how </w:t>
      </w:r>
    </w:p>
    <w:p>
      <w:pPr/>
      <w:r>
        <w:rPr>
          <w:rFonts w:ascii="Helvetica Light" w:hAnsi="Helvetica Light" w:cs="Helvetica Light"/>
          <w:sz w:val="24"/>
          <w:sz-cs w:val="24"/>
        </w:rPr>
        <w:t xml:space="preserve">you were feeling and what you were going through, really seemed to bring your family very close </w:t>
      </w:r>
    </w:p>
    <w:p>
      <w:pPr/>
      <w:r>
        <w:rPr>
          <w:rFonts w:ascii="Helvetica Light" w:hAnsi="Helvetica Light" w:cs="Helvetica Light"/>
          <w:sz w:val="24"/>
          <w:sz-cs w:val="24"/>
        </w:rPr>
        <w:t xml:space="preserve">togethe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think that every family at that time was a very closely knit family. All the families </w:t>
      </w:r>
    </w:p>
    <w:p>
      <w:pPr/>
      <w:r>
        <w:rPr>
          <w:rFonts w:ascii="Helvetica Light" w:hAnsi="Helvetica Light" w:cs="Helvetica Light"/>
          <w:sz w:val="24"/>
          <w:sz-cs w:val="24"/>
        </w:rPr>
        <w:t xml:space="preserve">in Europe, Jewish, Polish, all of them, and it must have been a terrible tragedy in each case, for </w:t>
      </w:r>
    </w:p>
    <w:p>
      <w:pPr/>
      <w:r>
        <w:rPr>
          <w:rFonts w:ascii="Helvetica Light" w:hAnsi="Helvetica Light" w:cs="Helvetica Light"/>
          <w:sz w:val="24"/>
          <w:sz-cs w:val="24"/>
        </w:rPr>
        <w:t xml:space="preserve">each one of them, because what I am saying what I went through, which I didn't go through </w:t>
      </w:r>
    </w:p>
    <w:p>
      <w:pPr/>
      <w:r>
        <w:rPr>
          <w:rFonts w:ascii="Helvetica Light" w:hAnsi="Helvetica Light" w:cs="Helvetica Light"/>
          <w:sz w:val="24"/>
          <w:sz-cs w:val="24"/>
        </w:rPr>
        <w:t xml:space="preserve">anything the feeling-- What kind of feeling did a parent have when he saw his child killed in front </w:t>
      </w:r>
    </w:p>
    <w:p>
      <w:pPr/>
      <w:r>
        <w:rPr>
          <w:rFonts w:ascii="Helvetica Light" w:hAnsi="Helvetica Light" w:cs="Helvetica Light"/>
          <w:sz w:val="24"/>
          <w:sz-cs w:val="24"/>
        </w:rPr>
        <w:t xml:space="preserve">of him? We all were starved in front of our parents. Something else, something we could not </w:t>
      </w:r>
    </w:p>
    <w:p>
      <w:pPr/>
      <w:r>
        <w:rPr>
          <w:rFonts w:ascii="Helvetica Light" w:hAnsi="Helvetica Light" w:cs="Helvetica Light"/>
          <w:sz w:val="24"/>
          <w:sz-cs w:val="24"/>
        </w:rPr>
        <w:t xml:space="preserve">allow right now to happen. If you have a child, to see somebody systematically cut down on food </w:t>
      </w:r>
    </w:p>
    <w:p>
      <w:pPr/>
      <w:r>
        <w:rPr>
          <w:rFonts w:ascii="Helvetica Light" w:hAnsi="Helvetica Light" w:cs="Helvetica Light"/>
          <w:sz w:val="24"/>
          <w:sz-cs w:val="24"/>
        </w:rPr>
        <w:t xml:space="preserve">and eliminate their health and their well-being, systematicall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you have close contacts with other families or with other children in the camp, </w:t>
      </w:r>
    </w:p>
    <w:p>
      <w:pPr/>
      <w:r>
        <w:rPr>
          <w:rFonts w:ascii="Helvetica Light" w:hAnsi="Helvetica Light" w:cs="Helvetica Light"/>
          <w:sz w:val="24"/>
          <w:sz-cs w:val="24"/>
        </w:rPr>
        <w:t xml:space="preserve">or was the family unit the key emotional nucleus for you?\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t was actually a family unit, I would say, even though we were in the one barrack, </w:t>
      </w:r>
    </w:p>
    <w:p>
      <w:pPr/>
      <w:r>
        <w:rPr>
          <w:rFonts w:ascii="Helvetica Light" w:hAnsi="Helvetica Light" w:cs="Helvetica Light"/>
          <w:sz w:val="24"/>
          <w:sz-cs w:val="24"/>
        </w:rPr>
        <w:t xml:space="preserve">but we were just a group of famil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 six of you, the eight of you?\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I mean as far as the real intimate feeling of sharing this heat, of love that was </w:t>
      </w:r>
    </w:p>
    <w:p>
      <w:pPr/>
      <w:r>
        <w:rPr>
          <w:rFonts w:ascii="Helvetica Light" w:hAnsi="Helvetica Light" w:cs="Helvetica Light"/>
          <w:sz w:val="24"/>
          <w:sz-cs w:val="24"/>
        </w:rPr>
        <w:t xml:space="preserve">not allowed to be expressed, I guess, through emotionally, just-- but kindness and sharing there </w:t>
      </w:r>
    </w:p>
    <w:p>
      <w:pPr/>
      <w:r>
        <w:rPr>
          <w:rFonts w:ascii="Helvetica Light" w:hAnsi="Helvetica Light" w:cs="Helvetica Light"/>
          <w:sz w:val="24"/>
          <w:sz-cs w:val="24"/>
        </w:rPr>
        <w:t xml:space="preserve">was-- I remember it was throughout the whole system. If somebody was unable to walk, </w:t>
      </w:r>
    </w:p>
    <w:p>
      <w:pPr/>
      <w:r>
        <w:rPr>
          <w:rFonts w:ascii="Helvetica Light" w:hAnsi="Helvetica Light" w:cs="Helvetica Light"/>
          <w:sz w:val="24"/>
          <w:sz-cs w:val="24"/>
        </w:rPr>
        <w:t xml:space="preserve">everybody would try to help him because soon as he fell, that was the end of i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re was mutual suppor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t was mutual because, I guess, they all knew they were in the same boat. There is </w:t>
      </w:r>
    </w:p>
    <w:p>
      <w:pPr/>
      <w:r>
        <w:rPr>
          <w:rFonts w:ascii="Helvetica Light" w:hAnsi="Helvetica Light" w:cs="Helvetica Light"/>
          <w:sz w:val="24"/>
          <w:sz-cs w:val="24"/>
        </w:rPr>
        <w:t xml:space="preserve">no way ou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talked before about the one boy who was working for the farmer and you and </w:t>
      </w:r>
    </w:p>
    <w:p>
      <w:pPr/>
      <w:r>
        <w:rPr>
          <w:rFonts w:ascii="Helvetica Light" w:hAnsi="Helvetica Light" w:cs="Helvetica Light"/>
          <w:sz w:val="24"/>
          <w:sz-cs w:val="24"/>
        </w:rPr>
        <w:t xml:space="preserve">your brother had known him. Was there any talking, any dreaming, or remembering of times when </w:t>
      </w:r>
    </w:p>
    <w:p>
      <w:pPr/>
      <w:r>
        <w:rPr>
          <w:rFonts w:ascii="Helvetica Light" w:hAnsi="Helvetica Light" w:cs="Helvetica Light"/>
          <w:sz w:val="24"/>
          <w:sz-cs w:val="24"/>
        </w:rPr>
        <w:t xml:space="preserve">you were not in this situation, or fantasies about what would be if you were not in this situation as </w:t>
      </w:r>
    </w:p>
    <w:p>
      <w:pPr/>
      <w:r>
        <w:rPr>
          <w:rFonts w:ascii="Helvetica Light" w:hAnsi="Helvetica Light" w:cs="Helvetica Light"/>
          <w:sz w:val="24"/>
          <w:sz-cs w:val="24"/>
        </w:rPr>
        <w:t xml:space="preserve">far as what you would be doing? What kind of life you would be lead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ou see, I went through that same question. I asked myself many times. I did not </w:t>
      </w:r>
    </w:p>
    <w:p>
      <w:pPr/>
      <w:r>
        <w:rPr>
          <w:rFonts w:ascii="Helvetica Light" w:hAnsi="Helvetica Light" w:cs="Helvetica Light"/>
          <w:sz w:val="24"/>
          <w:sz-cs w:val="24"/>
        </w:rPr>
        <w:t xml:space="preserve">have that. I believe what happens, once you are reduced to that level, you don't have any dreams. </w:t>
      </w:r>
    </w:p>
    <w:p>
      <w:pPr/>
      <w:r>
        <w:rPr>
          <w:rFonts w:ascii="Helvetica Light" w:hAnsi="Helvetica Light" w:cs="Helvetica Light"/>
          <w:sz w:val="24"/>
          <w:sz-cs w:val="24"/>
        </w:rPr>
        <w:t xml:space="preserve">You don't recall anything. You just are where you are, but all that is not there. I don't have any </w:t>
      </w:r>
    </w:p>
    <w:p>
      <w:pPr/>
      <w:r>
        <w:rPr>
          <w:rFonts w:ascii="Helvetica Light" w:hAnsi="Helvetica Light" w:cs="Helvetica Light"/>
          <w:sz w:val="24"/>
          <w:sz-cs w:val="24"/>
        </w:rPr>
        <w:t xml:space="preserve">recollection of wonderful-- in my case it was Christmas. It was always such a thing where you get </w:t>
      </w:r>
    </w:p>
    <w:p>
      <w:pPr/>
      <w:r>
        <w:rPr>
          <w:rFonts w:ascii="Helvetica Light" w:hAnsi="Helvetica Light" w:cs="Helvetica Light"/>
          <w:sz w:val="24"/>
          <w:sz-cs w:val="24"/>
        </w:rPr>
        <w:t xml:space="preserve">presents. Nothing. Never. Never about anything. Or my friends, or playing ball, or something? </w:t>
      </w:r>
    </w:p>
    <w:p>
      <w:pPr/>
      <w:r>
        <w:rPr>
          <w:rFonts w:ascii="Helvetica Light" w:hAnsi="Helvetica Light" w:cs="Helvetica Light"/>
          <w:sz w:val="24"/>
          <w:sz-cs w:val="24"/>
        </w:rPr>
        <w:t xml:space="preserve">Never. Yet I was so active before. Bicycles, everyth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didn't think about these thing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neve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o you think that the dehumanization process that you talked about befor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page </w:t>
      </w:r>
    </w:p>
    <w:p>
      <w:pPr/>
      <w:r>
        <w:rPr>
          <w:rFonts w:ascii="Helvetica Light" w:hAnsi="Helvetica Light" w:cs="Helvetica Light"/>
          <w:sz w:val="24"/>
          <w:sz-cs w:val="24"/>
        </w:rPr>
        <w:t xml:space="preserve">\sect \sectd \sbknone\headery288\footery1323 </w:t>
      </w:r>
    </w:p>
    <w:p>
      <w:pPr/>
      <w:r>
        <w:rPr>
          <w:rFonts w:ascii="Helvetica Light" w:hAnsi="Helvetica Light" w:cs="Helvetica Light"/>
          <w:sz w:val="24"/>
          <w:sz-cs w:val="24"/>
        </w:rPr>
        <w:t xml:space="preserve">{\header \pard \qr\sl0\tx0\tx0\tx720\tx1440\tx2160\tx2880\tx3600\tx4320\tx5040\tx5760\tx6480\tx7200\tx7920\tx8640\tx9360 </w:t>
      </w:r>
    </w:p>
    <w:p>
      <w:pPr/>
      <w:r>
        <w:rPr>
          <w:rFonts w:ascii="Helvetica Light" w:hAnsi="Helvetica Light" w:cs="Helvetica Light"/>
          <w:sz w:val="24"/>
          <w:sz-cs w:val="24"/>
        </w:rPr>
        <w:t xml:space="preserve">{\plain }{\plain \i MARIAN TURZANSKI [4-2-\chpgn ]}{\plain \i\fs20 \par }}</w:t>
      </w:r>
    </w:p>
    <w:p>
      <w:pPr/>
      <w:r>
        <w:rPr>
          <w:rFonts w:ascii="Helvetica Light" w:hAnsi="Helvetica Light" w:cs="Helvetica Light"/>
          <w:sz w:val="24"/>
          <w:sz-cs w:val="24"/>
        </w:rPr>
        <w:t xml:space="preserve">{\footer \pard \sl261\tx-156\tx0\tx0\tx720\tx1440\tx2160\tx2880\tx3600\tx4320\tx5040\tx5760\tx6480\tx7200\tx7920\tx8640\tx9360 </w:t>
      </w:r>
    </w:p>
    <w:p>
      <w:pPr/>
      <w:r>
        <w:rPr>
          <w:rFonts w:ascii="Helvetica Light" w:hAnsi="Helvetica Light" w:cs="Helvetica Light"/>
          <w:sz w:val="24"/>
          <w:sz-cs w:val="24"/>
        </w:rPr>
        <w:t xml:space="preserve">{\plain \*\cs1 }{\plain \*\cs1\i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sl393\tx0\tx0\tx720\tx1440\tx2160\tx2880\tx3600\tx4320\tx5040\tx5760\tx6480\tx7200\tx7920\tx8640\tx9360 </w:t>
      </w:r>
    </w:p>
    <w:p>
      <w:pPr/>
      <w:r>
        <w:rPr>
          <w:rFonts w:ascii="Helvetica Light" w:hAnsi="Helvetica Light" w:cs="Helvetica Light"/>
          <w:sz w:val="24"/>
          <w:sz-cs w:val="24"/>
        </w:rPr>
        <w:t xml:space="preserve">{\plain }{\plain \i Tape four, side tw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i }{\plain JF:\tab We were talking about whether or not such memories would have been part of the </w:t>
      </w:r>
    </w:p>
    <w:p>
      <w:pPr/>
      <w:r>
        <w:rPr>
          <w:rFonts w:ascii="Helvetica Light" w:hAnsi="Helvetica Light" w:cs="Helvetica Light"/>
          <w:sz w:val="24"/>
          <w:sz-cs w:val="24"/>
        </w:rPr>
        <w:t xml:space="preserve">dehumanization process, or whether it was too painful to dream outside the presen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Well, I think it was perhaps two, both, but I think the dehumanization did play the </w:t>
      </w:r>
    </w:p>
    <w:p>
      <w:pPr/>
      <w:r>
        <w:rPr>
          <w:rFonts w:ascii="Helvetica Light" w:hAnsi="Helvetica Light" w:cs="Helvetica Light"/>
          <w:sz w:val="24"/>
          <w:sz-cs w:val="24"/>
        </w:rPr>
        <w:t xml:space="preserve">major part in it. They removed this beautiful human dream, of becoming, of growing up to </w:t>
      </w:r>
    </w:p>
    <w:p>
      <w:pPr/>
      <w:r>
        <w:rPr>
          <w:rFonts w:ascii="Helvetica Light" w:hAnsi="Helvetica Light" w:cs="Helvetica Light"/>
          <w:sz w:val="24"/>
          <w:sz-cs w:val="24"/>
        </w:rPr>
        <w:t xml:space="preserve">become somebody and to live up to your parents' dreams or perhaps to-- whatever. It was all </w:t>
      </w:r>
    </w:p>
    <w:p>
      <w:pPr/>
      <w:r>
        <w:rPr>
          <w:rFonts w:ascii="Helvetica Light" w:hAnsi="Helvetica Light" w:cs="Helvetica Light"/>
          <w:sz w:val="24"/>
          <w:sz-cs w:val="24"/>
        </w:rPr>
        <w:t xml:space="preserve">removed. Then it was also painful to go back and, I believe, to play around with something you </w:t>
      </w:r>
    </w:p>
    <w:p>
      <w:pPr/>
      <w:r>
        <w:rPr>
          <w:rFonts w:ascii="Helvetica Light" w:hAnsi="Helvetica Light" w:cs="Helvetica Light"/>
          <w:sz w:val="24"/>
          <w:sz-cs w:val="24"/>
        </w:rPr>
        <w:t xml:space="preserve">had before. Something that gave you pleasure. But, also, I think there was a third factor involved: </w:t>
      </w:r>
    </w:p>
    <w:p>
      <w:pPr/>
      <w:r>
        <w:rPr>
          <w:rFonts w:ascii="Helvetica Light" w:hAnsi="Helvetica Light" w:cs="Helvetica Light"/>
          <w:sz w:val="24"/>
          <w:sz-cs w:val="24"/>
        </w:rPr>
        <w:t xml:space="preserve">that we were not given the opportunity, the chance, to actually think. That was taken. Each time </w:t>
      </w:r>
    </w:p>
    <w:p>
      <w:pPr/>
      <w:r>
        <w:rPr>
          <w:rFonts w:ascii="Helvetica Light" w:hAnsi="Helvetica Light" w:cs="Helvetica Light"/>
          <w:sz w:val="24"/>
          <w:sz-cs w:val="24"/>
        </w:rPr>
        <w:t xml:space="preserve">you were yelled at, and you were pushed and you were moved, so whatever they did, somebody </w:t>
      </w:r>
    </w:p>
    <w:p>
      <w:pPr/>
      <w:r>
        <w:rPr>
          <w:rFonts w:ascii="Helvetica Light" w:hAnsi="Helvetica Light" w:cs="Helvetica Light"/>
          <w:sz w:val="24"/>
          <w:sz-cs w:val="24"/>
        </w:rPr>
        <w:t xml:space="preserve">either thought of that, that that's the way to handle people or, if not, they did do a good job and </w:t>
      </w:r>
    </w:p>
    <w:p>
      <w:pPr/>
      <w:r>
        <w:rPr>
          <w:rFonts w:ascii="Helvetica Light" w:hAnsi="Helvetica Light" w:cs="Helvetica Light"/>
          <w:sz w:val="24"/>
          <w:sz-cs w:val="24"/>
        </w:rPr>
        <w:t xml:space="preserve">they constantly kept you disturbed and ducking or whateve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r energies went toward that instea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you never had actually a minute chance. I don't even remember dreaming. I </w:t>
      </w:r>
    </w:p>
    <w:p>
      <w:pPr/>
      <w:r>
        <w:rPr>
          <w:rFonts w:ascii="Helvetica Light" w:hAnsi="Helvetica Light" w:cs="Helvetica Light"/>
          <w:sz w:val="24"/>
          <w:sz-cs w:val="24"/>
        </w:rPr>
        <w:t xml:space="preserve">just don't know how I slept, but I never had dreams. I often thought that perhaps when somebody </w:t>
      </w:r>
    </w:p>
    <w:p>
      <w:pPr/>
      <w:r>
        <w:rPr>
          <w:rFonts w:ascii="Helvetica Light" w:hAnsi="Helvetica Light" w:cs="Helvetica Light"/>
          <w:sz w:val="24"/>
          <w:sz-cs w:val="24"/>
        </w:rPr>
        <w:t xml:space="preserve">is in jail he dreams about his family, dreams of that. That's not true. I don't believe you have those </w:t>
      </w:r>
    </w:p>
    <w:p>
      <w:pPr/>
      <w:r>
        <w:rPr>
          <w:rFonts w:ascii="Helvetica Light" w:hAnsi="Helvetica Light" w:cs="Helvetica Light"/>
          <w:sz w:val="24"/>
          <w:sz-cs w:val="24"/>
        </w:rPr>
        <w:t xml:space="preserve">dreams. They are removed, or maybe it's the defensive mechanism in our subconscious mind that </w:t>
      </w:r>
    </w:p>
    <w:p>
      <w:pPr/>
      <w:r>
        <w:rPr>
          <w:rFonts w:ascii="Helvetica Light" w:hAnsi="Helvetica Light" w:cs="Helvetica Light"/>
          <w:sz w:val="24"/>
          <w:sz-cs w:val="24"/>
        </w:rPr>
        <w:t xml:space="preserve">locks everything away. To keep you from losing whatever you have. You had a little mind. It is so </w:t>
      </w:r>
    </w:p>
    <w:p>
      <w:pPr/>
      <w:r>
        <w:rPr>
          <w:rFonts w:ascii="Helvetica Light" w:hAnsi="Helvetica Light" w:cs="Helvetica Light"/>
          <w:sz w:val="24"/>
          <w:sz-cs w:val="24"/>
        </w:rPr>
        <w:t xml:space="preserve">easy for a child to lose his mind altogether, if you would realize and compare it t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ow was it when you were liberated, as far as this kind of thinking was </w:t>
      </w:r>
    </w:p>
    <w:p>
      <w:pPr/>
      <w:r>
        <w:rPr>
          <w:rFonts w:ascii="Helvetica Light" w:hAnsi="Helvetica Light" w:cs="Helvetica Light"/>
          <w:sz w:val="24"/>
          <w:sz-cs w:val="24"/>
        </w:rPr>
        <w:t xml:space="preserve">concerned? Were you able to resume the fantasies and the thoughts of normal adolescence and </w:t>
      </w:r>
    </w:p>
    <w:p>
      <w:pPr/>
      <w:r>
        <w:rPr>
          <w:rFonts w:ascii="Helvetica Light" w:hAnsi="Helvetica Light" w:cs="Helvetica Light"/>
          <w:sz w:val="24"/>
          <w:sz-cs w:val="24"/>
        </w:rPr>
        <w:t xml:space="preserve">that of an average adolescent at a later point, or do you feel that this time affected what happened </w:t>
      </w:r>
    </w:p>
    <w:p>
      <w:pPr/>
      <w:r>
        <w:rPr>
          <w:rFonts w:ascii="Helvetica Light" w:hAnsi="Helvetica Light" w:cs="Helvetica Light"/>
          <w:sz w:val="24"/>
          <w:sz-cs w:val="24"/>
        </w:rPr>
        <w:t xml:space="preserve">to you late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it did do something. It was a shock of a tremendous importance in my life. </w:t>
      </w:r>
    </w:p>
    <w:p>
      <w:pPr/>
      <w:r>
        <w:rPr>
          <w:rFonts w:ascii="Helvetica Light" w:hAnsi="Helvetica Light" w:cs="Helvetica Light"/>
          <w:sz w:val="24"/>
          <w:sz-cs w:val="24"/>
        </w:rPr>
        <w:t xml:space="preserve">When we were liberated, first the Germans at night chased us out of the camp. The Americans did </w:t>
      </w:r>
    </w:p>
    <w:p>
      <w:pPr/>
      <w:r>
        <w:rPr>
          <w:rFonts w:ascii="Helvetica Light" w:hAnsi="Helvetica Light" w:cs="Helvetica Light"/>
          <w:sz w:val="24"/>
          <w:sz-cs w:val="24"/>
        </w:rPr>
        <w:t xml:space="preserve">not bomb camps. Many times Germans would mark the camp with red cross on the roofs just to </w:t>
      </w:r>
    </w:p>
    <w:p>
      <w:pPr/>
      <w:r>
        <w:rPr>
          <w:rFonts w:ascii="Helvetica Light" w:hAnsi="Helvetica Light" w:cs="Helvetica Light"/>
          <w:sz w:val="24"/>
          <w:sz-cs w:val="24"/>
        </w:rPr>
        <w:t xml:space="preserve">protect themselves. They could hide wherever they wanted in the camps, I guess. They were not </w:t>
      </w:r>
    </w:p>
    <w:p>
      <w:pPr/>
      <w:r>
        <w:rPr>
          <w:rFonts w:ascii="Helvetica Light" w:hAnsi="Helvetica Light" w:cs="Helvetica Light"/>
          <w:sz w:val="24"/>
          <w:sz-cs w:val="24"/>
        </w:rPr>
        <w:t xml:space="preserve">destroyed. At night they switched places with us. The army went into the camp and they chased </w:t>
      </w:r>
    </w:p>
    <w:p>
      <w:pPr/>
      <w:r>
        <w:rPr>
          <w:rFonts w:ascii="Helvetica Light" w:hAnsi="Helvetica Light" w:cs="Helvetica Light"/>
          <w:sz w:val="24"/>
          <w:sz-cs w:val="24"/>
        </w:rPr>
        <w:t xml:space="preserve">us into the woods. In the morning we were caught in the middle of war front. Americans are </w:t>
      </w:r>
    </w:p>
    <w:p>
      <w:pPr/>
      <w:r>
        <w:rPr>
          <w:rFonts w:ascii="Helvetica Light" w:hAnsi="Helvetica Light" w:cs="Helvetica Light"/>
          <w:sz w:val="24"/>
          <w:sz-cs w:val="24"/>
        </w:rPr>
        <w:t xml:space="preserve">coming. We were in the woods, I think for three days. Again, no food. But we-- my father parked </w:t>
      </w:r>
    </w:p>
    <w:p>
      <w:pPr/>
      <w:r>
        <w:rPr>
          <w:rFonts w:ascii="Helvetica Light" w:hAnsi="Helvetica Light" w:cs="Helvetica Light"/>
          <w:sz w:val="24"/>
          <w:sz-cs w:val="24"/>
        </w:rPr>
        <w:t xml:space="preserve">us and we made a little bed of leaves. It must have been-- it was May-- when we were liberate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is was the liberation. You were kicked out into the woods so that the Army </w:t>
      </w:r>
    </w:p>
    <w:p>
      <w:pPr/>
      <w:r>
        <w:rPr>
          <w:rFonts w:ascii="Helvetica Light" w:hAnsi="Helvetica Light" w:cs="Helvetica Light"/>
          <w:sz w:val="24"/>
          <w:sz-cs w:val="24"/>
        </w:rPr>
        <w:t xml:space="preserve">coul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Could take our place so that they would not be touched by the plan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at was liberatio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at was liberation. So then we were caught between the fire, from Germans to </w:t>
      </w:r>
    </w:p>
    <w:p>
      <w:pPr/>
      <w:r>
        <w:rPr>
          <w:rFonts w:ascii="Helvetica Light" w:hAnsi="Helvetica Light" w:cs="Helvetica Light"/>
          <w:sz w:val="24"/>
          <w:sz-cs w:val="24"/>
        </w:rPr>
        <w:t xml:space="preserve">the Americans. We were right in the middle. All the artillery and the machine guns and everything </w:t>
      </w:r>
    </w:p>
    <w:p>
      <w:pPr/>
      <w:r>
        <w:rPr>
          <w:rFonts w:ascii="Helvetica Light" w:hAnsi="Helvetica Light" w:cs="Helvetica Light"/>
          <w:sz w:val="24"/>
          <w:sz-cs w:val="24"/>
        </w:rPr>
        <w:t xml:space="preserve">flying back and forth. We were very close to a stream, so we had water. Right next to the stream </w:t>
      </w:r>
    </w:p>
    <w:p>
      <w:pPr/>
      <w:r>
        <w:rPr>
          <w:rFonts w:ascii="Helvetica Light" w:hAnsi="Helvetica Light" w:cs="Helvetica Light"/>
          <w:sz w:val="24"/>
          <w:sz-cs w:val="24"/>
        </w:rPr>
        <w:t xml:space="preserve">bed, we made our beds, just leaves and dried grass and we were laying on it, sleeping on that, just </w:t>
      </w:r>
    </w:p>
    <w:p>
      <w:pPr/>
      <w:r>
        <w:rPr>
          <w:rFonts w:ascii="Helvetica Light" w:hAnsi="Helvetica Light" w:cs="Helvetica Light"/>
          <w:sz w:val="24"/>
          <w:sz-cs w:val="24"/>
        </w:rPr>
        <w:t xml:space="preserve">huddling together. I don't remember much sleeping. Anyway, there was constantly boom, boom </w:t>
      </w:r>
    </w:p>
    <w:p>
      <w:pPr/>
      <w:r>
        <w:rPr>
          <w:rFonts w:ascii="Helvetica Light" w:hAnsi="Helvetica Light" w:cs="Helvetica Light"/>
          <w:sz w:val="24"/>
          <w:sz-cs w:val="24"/>
        </w:rPr>
        <w:t xml:space="preserve">and explosions everywhere. Every morning when my mother woke up she said, "I smell Darlings." </w:t>
      </w:r>
    </w:p>
    <w:p>
      <w:pPr/>
      <w:r>
        <w:rPr>
          <w:rFonts w:ascii="Helvetica Light" w:hAnsi="Helvetica Light" w:cs="Helvetica Light"/>
          <w:sz w:val="24"/>
          <w:sz-cs w:val="24"/>
        </w:rPr>
        <w:t xml:space="preserve">Darlings were English cigarettes that she smoked in Hungary. They had a specific aroma. They </w:t>
      </w:r>
    </w:p>
    <w:p>
      <w:pPr/>
      <w:r>
        <w:rPr>
          <w:rFonts w:ascii="Helvetica Light" w:hAnsi="Helvetica Light" w:cs="Helvetica Light"/>
          <w:sz w:val="24"/>
          <w:sz-cs w:val="24"/>
        </w:rPr>
        <w:t xml:space="preserve">were the good cigarettes which she forgot what a cigarette smells like, I guess. "I smell Darlings," </w:t>
      </w:r>
    </w:p>
    <w:p>
      <w:pPr/>
      <w:r>
        <w:rPr>
          <w:rFonts w:ascii="Helvetica Light" w:hAnsi="Helvetica Light" w:cs="Helvetica Light"/>
          <w:sz w:val="24"/>
          <w:sz-cs w:val="24"/>
        </w:rPr>
        <w:t xml:space="preserve">and my father said, "No, there is no British forces here. It's wrong." And she said, "I smell it." </w:t>
      </w:r>
    </w:p>
    <w:p>
      <w:pPr/>
      <w:r>
        <w:rPr>
          <w:rFonts w:ascii="Helvetica Light" w:hAnsi="Helvetica Light" w:cs="Helvetica Light"/>
          <w:sz w:val="24"/>
          <w:sz-cs w:val="24"/>
        </w:rPr>
        <w:t xml:space="preserve">Shortly after two soldiers came out with grenades hanging on their chest, different helmets that I </w:t>
      </w:r>
    </w:p>
    <w:p>
      <w:pPr/>
      <w:r>
        <w:rPr>
          <w:rFonts w:ascii="Helvetica Light" w:hAnsi="Helvetica Light" w:cs="Helvetica Light"/>
          <w:sz w:val="24"/>
          <w:sz-cs w:val="24"/>
        </w:rPr>
        <w:t xml:space="preserve">ever saw.\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British?\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With guns. American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Um'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My father had found an old ax, because we went through some caves that were a </w:t>
      </w:r>
    </w:p>
    <w:p>
      <w:pPr/>
      <w:r>
        <w:rPr>
          <w:rFonts w:ascii="Helvetica Light" w:hAnsi="Helvetica Light" w:cs="Helvetica Light"/>
          <w:sz w:val="24"/>
          <w:sz-cs w:val="24"/>
        </w:rPr>
        <w:t xml:space="preserve">castle not far away, they chased us out. Not too far from the camp was a big castle. He found an </w:t>
      </w:r>
    </w:p>
    <w:p>
      <w:pPr/>
      <w:r>
        <w:rPr>
          <w:rFonts w:ascii="Helvetica Light" w:hAnsi="Helvetica Light" w:cs="Helvetica Light"/>
          <w:sz w:val="24"/>
          <w:sz-cs w:val="24"/>
        </w:rPr>
        <w:t xml:space="preserve">ancient ax, with a part of the handle on it. It was to protect us from what, I don't know. He </w:t>
      </w:r>
    </w:p>
    <w:p>
      <w:pPr/>
      <w:r>
        <w:rPr>
          <w:rFonts w:ascii="Helvetica Light" w:hAnsi="Helvetica Light" w:cs="Helvetica Light"/>
          <w:sz w:val="24"/>
          <w:sz-cs w:val="24"/>
        </w:rPr>
        <w:t xml:space="preserve">reached for the ax and they screamed, and yelled at him and jumped on his hand. He said, </w:t>
      </w:r>
    </w:p>
    <w:p>
      <w:pPr/>
      <w:r>
        <w:rPr>
          <w:rFonts w:ascii="Helvetica Light" w:hAnsi="Helvetica Light" w:cs="Helvetica Light"/>
          <w:sz w:val="24"/>
          <w:sz-cs w:val="24"/>
        </w:rPr>
        <w:t xml:space="preserve">"Polisher" in German: "We are Polish."  They called-- the guy didn\'92t couldn\'92t speak any language, </w:t>
      </w:r>
    </w:p>
    <w:p>
      <w:pPr/>
      <w:r>
        <w:rPr>
          <w:rFonts w:ascii="Helvetica Light" w:hAnsi="Helvetica Light" w:cs="Helvetica Light"/>
          <w:sz w:val="24"/>
          <w:sz-cs w:val="24"/>
        </w:rPr>
        <w:t xml:space="preserve">I guess. The American, he called an interpreter.  It was a Polish guy from around upstate </w:t>
      </w:r>
    </w:p>
    <w:p>
      <w:pPr/>
      <w:r>
        <w:rPr>
          <w:rFonts w:ascii="Helvetica Light" w:hAnsi="Helvetica Light" w:cs="Helvetica Light"/>
          <w:sz w:val="24"/>
          <w:sz-cs w:val="24"/>
        </w:rPr>
        <w:t xml:space="preserve">Pennsylvania, I think. He spoke some Polish. My father prepared bunkers around the castle, </w:t>
      </w:r>
    </w:p>
    <w:p>
      <w:pPr/>
      <w:r>
        <w:rPr>
          <w:rFonts w:ascii="Helvetica Light" w:hAnsi="Helvetica Light" w:cs="Helvetica Light"/>
          <w:sz w:val="24"/>
          <w:sz-cs w:val="24"/>
        </w:rPr>
        <w:t xml:space="preserve">protective bunkers from-- if invasion forces will be coming. So he sketched out the plan of the </w:t>
      </w:r>
    </w:p>
    <w:p>
      <w:pPr/>
      <w:r>
        <w:rPr>
          <w:rFonts w:ascii="Helvetica Light" w:hAnsi="Helvetica Light" w:cs="Helvetica Light"/>
          <w:sz w:val="24"/>
          <w:sz-cs w:val="24"/>
        </w:rPr>
        <w:t xml:space="preserve">bunker. He said, "You are bombing the castle. It is not the castle that the Germans are in," and he </w:t>
      </w:r>
    </w:p>
    <w:p>
      <w:pPr/>
      <w:r>
        <w:rPr>
          <w:rFonts w:ascii="Helvetica Light" w:hAnsi="Helvetica Light" w:cs="Helvetica Light"/>
          <w:sz w:val="24"/>
          <w:sz-cs w:val="24"/>
        </w:rPr>
        <w:t xml:space="preserve">showed them what-- He said, \'93I was working there and I know, and it is so far from the camp, </w:t>
      </w:r>
    </w:p>
    <w:p>
      <w:pPr/>
      <w:r>
        <w:rPr>
          <w:rFonts w:ascii="Helvetica Light" w:hAnsi="Helvetica Light" w:cs="Helvetica Light"/>
          <w:sz w:val="24"/>
          <w:sz-cs w:val="24"/>
        </w:rPr>
        <w:t xml:space="preserve">and in the camp there are no civilians anymore, they are army." Well, everything went on alert and </w:t>
      </w:r>
    </w:p>
    <w:p>
      <w:pPr/>
      <w:r>
        <w:rPr>
          <w:rFonts w:ascii="Helvetica Light" w:hAnsi="Helvetica Light" w:cs="Helvetica Light"/>
          <w:sz w:val="24"/>
          <w:sz-cs w:val="24"/>
        </w:rPr>
        <w:t xml:space="preserve">they sent us back, but they would not give us any kind of protection. They just told us to go back. </w:t>
      </w:r>
    </w:p>
    <w:p>
      <w:pPr/>
      <w:r>
        <w:rPr>
          <w:rFonts w:ascii="Helvetica Light" w:hAnsi="Helvetica Light" w:cs="Helvetica Light"/>
          <w:sz w:val="24"/>
          <w:sz-cs w:val="24"/>
        </w:rPr>
        <w:t xml:space="preserve">My mother ripped whatever she had. We put it on a stick and we were carrying it like a flag. It </w:t>
      </w:r>
    </w:p>
    <w:p>
      <w:pPr/>
      <w:r>
        <w:rPr>
          <w:rFonts w:ascii="Helvetica Light" w:hAnsi="Helvetica Light" w:cs="Helvetica Light"/>
          <w:sz w:val="24"/>
          <w:sz-cs w:val="24"/>
        </w:rPr>
        <w:t xml:space="preserve">wasn\'92t too white, because we didn\'92t have anything white. It must have been very grayish, but that </w:t>
      </w:r>
    </w:p>
    <w:p>
      <w:pPr/>
      <w:r>
        <w:rPr>
          <w:rFonts w:ascii="Helvetica Light" w:hAnsi="Helvetica Light" w:cs="Helvetica Light"/>
          <w:sz w:val="24"/>
          <w:sz-cs w:val="24"/>
        </w:rPr>
        <w:t xml:space="preserve">was the only cloth that she had. Airplanes would be diving right, almost hitting us, and </w:t>
      </w:r>
    </w:p>
    <w:p>
      <w:pPr/>
      <w:r>
        <w:rPr>
          <w:rFonts w:ascii="Helvetica Light" w:hAnsi="Helvetica Light" w:cs="Helvetica Light"/>
          <w:sz w:val="24"/>
          <w:sz-cs w:val="24"/>
        </w:rPr>
        <w:t xml:space="preserve">recognizing that we were just a bunch of nothing, that we were not soldiers-- an awful lot of </w:t>
      </w:r>
    </w:p>
    <w:p>
      <w:pPr/>
      <w:r>
        <w:rPr>
          <w:rFonts w:ascii="Helvetica Light" w:hAnsi="Helvetica Light" w:cs="Helvetica Light"/>
          <w:sz w:val="24"/>
          <w:sz-cs w:val="24"/>
        </w:rPr>
        <w:t xml:space="preserve">shooting. Everybody was shooting. Everything was going on and we were just walking. Artillery </w:t>
      </w:r>
    </w:p>
    <w:p>
      <w:pPr/>
      <w:r>
        <w:rPr>
          <w:rFonts w:ascii="Helvetica Light" w:hAnsi="Helvetica Light" w:cs="Helvetica Light"/>
          <w:sz w:val="24"/>
          <w:sz-cs w:val="24"/>
        </w:rPr>
        <w:t xml:space="preserve">shells were exploding all around, but we thought after we told them that they would give us some </w:t>
      </w:r>
    </w:p>
    <w:p>
      <w:pPr/>
      <w:r>
        <w:rPr>
          <w:rFonts w:ascii="Helvetica Light" w:hAnsi="Helvetica Light" w:cs="Helvetica Light"/>
          <w:sz w:val="24"/>
          <w:sz-cs w:val="24"/>
        </w:rPr>
        <w:t xml:space="preserve">protection, and take us on a jeep or something. Of course, we didn\'92t know what a jeep was. Now </w:t>
      </w:r>
    </w:p>
    <w:p>
      <w:pPr/>
      <w:r>
        <w:rPr>
          <w:rFonts w:ascii="Helvetica Light" w:hAnsi="Helvetica Light" w:cs="Helvetica Light"/>
          <w:sz w:val="24"/>
          <w:sz-cs w:val="24"/>
        </w:rPr>
        <w:t xml:space="preserve">we worked our way back towards the American back lines. They told us not to touch any food. </w:t>
      </w:r>
    </w:p>
    <w:p>
      <w:pPr/>
      <w:r>
        <w:rPr>
          <w:rFonts w:ascii="Helvetica Light" w:hAnsi="Helvetica Light" w:cs="Helvetica Light"/>
          <w:sz w:val="24"/>
          <w:sz-cs w:val="24"/>
        </w:rPr>
        <w:t xml:space="preserve">Americans are big eaters; they had an awful lot of cans, cans of food, and it was laying all around, </w:t>
      </w:r>
    </w:p>
    <w:p>
      <w:pPr/>
      <w:r>
        <w:rPr>
          <w:rFonts w:ascii="Helvetica Light" w:hAnsi="Helvetica Light" w:cs="Helvetica Light"/>
          <w:sz w:val="24"/>
          <w:sz-cs w:val="24"/>
        </w:rPr>
        <w:t xml:space="preserve">and they told us not to touch it because a lot of it was booby trapped by Germans and it could </w:t>
      </w:r>
    </w:p>
    <w:p>
      <w:pPr/>
      <w:r>
        <w:rPr>
          <w:rFonts w:ascii="Helvetica Light" w:hAnsi="Helvetica Light" w:cs="Helvetica Light"/>
          <w:sz w:val="24"/>
          <w:sz-cs w:val="24"/>
        </w:rPr>
        <w:t xml:space="preserve">explode. Well, that didn\'92t mean anything. Nobody heard that. We were grabbing everything we </w:t>
      </w:r>
    </w:p>
    <w:p>
      <w:pPr/>
      <w:r>
        <w:rPr>
          <w:rFonts w:ascii="Helvetica Light" w:hAnsi="Helvetica Light" w:cs="Helvetica Light"/>
          <w:sz w:val="24"/>
          <w:sz-cs w:val="24"/>
        </w:rPr>
        <w:t xml:space="preserve">could. And Americans didn\'92t finish their food. They just start something open, they didn\'92t like it, I </w:t>
      </w:r>
    </w:p>
    <w:p>
      <w:pPr/>
      <w:r>
        <w:rPr>
          <w:rFonts w:ascii="Helvetica Light" w:hAnsi="Helvetica Light" w:cs="Helvetica Light"/>
          <w:sz w:val="24"/>
          <w:sz-cs w:val="24"/>
        </w:rPr>
        <w:t xml:space="preserve">guess and we were-- no utensils or anything.  Just eating all that-- butter. They had cans of butter. </w:t>
      </w:r>
    </w:p>
    <w:p>
      <w:pPr/>
      <w:r>
        <w:rPr>
          <w:rFonts w:ascii="Helvetica Light" w:hAnsi="Helvetica Light" w:cs="Helvetica Light"/>
          <w:sz w:val="24"/>
          <w:sz-cs w:val="24"/>
        </w:rPr>
        <w:t xml:space="preserve">Butter was  like-- I wouldn\'92t touch it now. Well, we went back and one of the soldiers asked my </w:t>
      </w:r>
    </w:p>
    <w:p>
      <w:pPr/>
      <w:r>
        <w:rPr>
          <w:rFonts w:ascii="Helvetica Light" w:hAnsi="Helvetica Light" w:cs="Helvetica Light"/>
          <w:sz w:val="24"/>
          <w:sz-cs w:val="24"/>
        </w:rPr>
        <w:t xml:space="preserve">mother or my father what time it is. My mother still had her watch, it was a Wittnauer, not </w:t>
      </w:r>
    </w:p>
    <w:p>
      <w:pPr/>
      <w:r>
        <w:rPr>
          <w:rFonts w:ascii="Helvetica Light" w:hAnsi="Helvetica Light" w:cs="Helvetica Light"/>
          <w:sz w:val="24"/>
          <w:sz-cs w:val="24"/>
        </w:rPr>
        <w:t xml:space="preserve">Wittnauer, but Longines. As soon as she went like that, he removed it from her hand. Oh, my </w:t>
      </w:r>
    </w:p>
    <w:p>
      <w:pPr/>
      <w:r>
        <w:rPr>
          <w:rFonts w:ascii="Helvetica Light" w:hAnsi="Helvetica Light" w:cs="Helvetica Light"/>
          <w:sz w:val="24"/>
          <w:sz-cs w:val="24"/>
        </w:rPr>
        <w:t xml:space="preserve">God. This was when my father went berserk. On Hungarian border, he said he wants to see an </w:t>
      </w:r>
    </w:p>
    <w:p>
      <w:pPr/>
      <w:r>
        <w:rPr>
          <w:rFonts w:ascii="Helvetica Light" w:hAnsi="Helvetica Light" w:cs="Helvetica Light"/>
          <w:sz w:val="24"/>
          <w:sz-cs w:val="24"/>
        </w:rPr>
        <w:t xml:space="preserve">officer. They gave her back her watch. It was a mistake. I guess they didn\'92t realize we\'92re Polish, </w:t>
      </w:r>
    </w:p>
    <w:p>
      <w:pPr/>
      <w:r>
        <w:rPr>
          <w:rFonts w:ascii="Helvetica Light" w:hAnsi="Helvetica Light" w:cs="Helvetica Light"/>
          <w:sz w:val="24"/>
          <w:sz-cs w:val="24"/>
        </w:rPr>
        <w:t xml:space="preserve">or something. Just straight out of-- nonsense camp. That\'92s the brutality of the war, that actually </w:t>
      </w:r>
    </w:p>
    <w:p>
      <w:pPr/>
      <w:r>
        <w:rPr>
          <w:rFonts w:ascii="Helvetica Light" w:hAnsi="Helvetica Light" w:cs="Helvetica Light"/>
          <w:sz w:val="24"/>
          <w:sz-cs w:val="24"/>
        </w:rPr>
        <w:t xml:space="preserve">even the good people will get sucked into it, do things that were not necessary. But he thought he </w:t>
      </w:r>
    </w:p>
    <w:p>
      <w:pPr/>
      <w:r>
        <w:rPr>
          <w:rFonts w:ascii="Helvetica Light" w:hAnsi="Helvetica Light" w:cs="Helvetica Light"/>
          <w:sz w:val="24"/>
          <w:sz-cs w:val="24"/>
        </w:rPr>
        <w:t xml:space="preserve">will get whatever he can from, because this was his first probably encounter with-- anyway. But </w:t>
      </w:r>
    </w:p>
    <w:p>
      <w:pPr/>
      <w:r>
        <w:rPr>
          <w:rFonts w:ascii="Helvetica Light" w:hAnsi="Helvetica Light" w:cs="Helvetica Light"/>
          <w:sz w:val="24"/>
          <w:sz-cs w:val="24"/>
        </w:rPr>
        <w:t xml:space="preserve">then, they gave me a bar of chocolate, a soldier, and I went out like a light. I ate maybe a Hershey </w:t>
      </w:r>
    </w:p>
    <w:p>
      <w:pPr/>
      <w:r>
        <w:rPr>
          <w:rFonts w:ascii="Helvetica Light" w:hAnsi="Helvetica Light" w:cs="Helvetica Light"/>
          <w:sz w:val="24"/>
          <w:sz-cs w:val="24"/>
        </w:rPr>
        <w:t xml:space="preserve">bar. I remember. I ate maybe one fourth of it and I was out, unconscious for two weeks. It was </w:t>
      </w:r>
    </w:p>
    <w:p>
      <w:pPr/>
      <w:r>
        <w:rPr>
          <w:rFonts w:ascii="Helvetica Light" w:hAnsi="Helvetica Light" w:cs="Helvetica Light"/>
          <w:sz w:val="24"/>
          <w:sz-cs w:val="24"/>
        </w:rPr>
        <w:t xml:space="preserve">not poison, but my body was not able to handle that rich food, and I was in terrible fever and </w:t>
      </w:r>
    </w:p>
    <w:p>
      <w:pPr/>
      <w:r>
        <w:rPr>
          <w:rFonts w:ascii="Helvetica Light" w:hAnsi="Helvetica Light" w:cs="Helvetica Light"/>
          <w:sz w:val="24"/>
          <w:sz-cs w:val="24"/>
        </w:rPr>
        <w:t xml:space="preserve">everything. They told me later on I had whatever some kind of poison and they put everybody on </w:t>
      </w:r>
    </w:p>
    <w:p>
      <w:pPr/>
      <w:r>
        <w:rPr>
          <w:rFonts w:ascii="Helvetica Light" w:hAnsi="Helvetica Light" w:cs="Helvetica Light"/>
          <w:sz w:val="24"/>
          <w:sz-cs w:val="24"/>
        </w:rPr>
        <w:t xml:space="preserve">a strict die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ere were you during the time that you were so ill?\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t was in camp. After that they took us back in camp; I don\'92t know how we got </w:t>
      </w:r>
    </w:p>
    <w:p>
      <w:pPr/>
      <w:r>
        <w:rPr>
          <w:rFonts w:ascii="Helvetica Light" w:hAnsi="Helvetica Light" w:cs="Helvetica Light"/>
          <w:sz w:val="24"/>
          <w:sz-cs w:val="24"/>
        </w:rPr>
        <w:t xml:space="preserve">back to camp. I got back to camp. I remember it was night and then everything, the lights went </w:t>
      </w:r>
    </w:p>
    <w:p>
      <w:pPr/>
      <w:r>
        <w:rPr>
          <w:rFonts w:ascii="Helvetica Light" w:hAnsi="Helvetica Light" w:cs="Helvetica Light"/>
          <w:sz w:val="24"/>
          <w:sz-cs w:val="24"/>
        </w:rPr>
        <w:t xml:space="preserve">ou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is was in Neumark.\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eumark. All day we were running around. They\'92re fighting and they captured </w:t>
      </w:r>
    </w:p>
    <w:p>
      <w:pPr/>
      <w:r>
        <w:rPr>
          <w:rFonts w:ascii="Helvetica Light" w:hAnsi="Helvetica Light" w:cs="Helvetica Light"/>
          <w:sz w:val="24"/>
          <w:sz-cs w:val="24"/>
        </w:rPr>
        <w:t xml:space="preserve">without killing one soldier, without losing their soldiers or killing anybody. They captured all </w:t>
      </w:r>
    </w:p>
    <w:p>
      <w:pPr/>
      <w:r>
        <w:rPr>
          <w:rFonts w:ascii="Helvetica Light" w:hAnsi="Helvetica Light" w:cs="Helvetica Light"/>
          <w:sz w:val="24"/>
          <w:sz-cs w:val="24"/>
        </w:rPr>
        <w:t xml:space="preserve">those Germans. Actually, as a matter of fact, my father should get some kind of prize for that. </w:t>
      </w:r>
    </w:p>
    <w:p>
      <w:pPr/>
      <w:r>
        <w:rPr>
          <w:rFonts w:ascii="Helvetica Light" w:hAnsi="Helvetica Light" w:cs="Helvetica Light"/>
          <w:sz w:val="24"/>
          <w:sz-cs w:val="24"/>
        </w:rPr>
        <w:t xml:space="preserve">There was nothing: no loss of life, capturing all those Germans. On either side. They were just </w:t>
      </w:r>
    </w:p>
    <w:p>
      <w:pPr/>
      <w:r>
        <w:rPr>
          <w:rFonts w:ascii="Helvetica Light" w:hAnsi="Helvetica Light" w:cs="Helvetica Light"/>
          <w:sz w:val="24"/>
          <w:sz-cs w:val="24"/>
        </w:rPr>
        <w:t xml:space="preserve">surrounded and then they gave up.\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say your father should have gotte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A medal for that. Some recognition for telling them where they are and they were </w:t>
      </w:r>
    </w:p>
    <w:p>
      <w:pPr/>
      <w:r>
        <w:rPr>
          <w:rFonts w:ascii="Helvetica Light" w:hAnsi="Helvetica Light" w:cs="Helvetica Light"/>
          <w:sz w:val="24"/>
          <w:sz-cs w:val="24"/>
        </w:rPr>
        <w:t xml:space="preserve">able to take them without a fight. They just surrounded them and told them, "You are surrounded </w:t>
      </w:r>
    </w:p>
    <w:p>
      <w:pPr/>
      <w:r>
        <w:rPr>
          <w:rFonts w:ascii="Helvetica Light" w:hAnsi="Helvetica Light" w:cs="Helvetica Light"/>
          <w:sz w:val="24"/>
          <w:sz-cs w:val="24"/>
        </w:rPr>
        <w:t xml:space="preserve">and it is up to you." Somebody was smart and they gave up. Well, I was out for two weeks and </w:t>
      </w:r>
    </w:p>
    <w:p>
      <w:pPr/>
      <w:r>
        <w:rPr>
          <w:rFonts w:ascii="Helvetica Light" w:hAnsi="Helvetica Light" w:cs="Helvetica Light"/>
          <w:sz w:val="24"/>
          <w:sz-cs w:val="24"/>
        </w:rPr>
        <w:t xml:space="preserve">later on I developed a brain-cell inflammation. It is meninges, or someth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Meningiti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Of the brain, meningitis? The brain-- it was. It got inflamed on me. So, again I was </w:t>
      </w:r>
    </w:p>
    <w:p>
      <w:pPr/>
      <w:r>
        <w:rPr>
          <w:rFonts w:ascii="Helvetica Light" w:hAnsi="Helvetica Light" w:cs="Helvetica Light"/>
          <w:sz w:val="24"/>
          <w:sz-cs w:val="24"/>
        </w:rPr>
        <w:t xml:space="preserve">out. There was no medical facility. The first American troops that went through, they did not have </w:t>
      </w:r>
    </w:p>
    <w:p>
      <w:pPr/>
      <w:r>
        <w:rPr>
          <w:rFonts w:ascii="Helvetica Light" w:hAnsi="Helvetica Light" w:cs="Helvetica Light"/>
          <w:sz w:val="24"/>
          <w:sz-cs w:val="24"/>
        </w:rPr>
        <w:t xml:space="preserve">medical staff for us. They were just a fighting force, and when the second wave came through, the </w:t>
      </w:r>
    </w:p>
    <w:p>
      <w:pPr/>
      <w:r>
        <w:rPr>
          <w:rFonts w:ascii="Helvetica Light" w:hAnsi="Helvetica Light" w:cs="Helvetica Light"/>
          <w:sz w:val="24"/>
          <w:sz-cs w:val="24"/>
        </w:rPr>
        <w:t xml:space="preserve">mop-up patrol, they came through with medics. But before they got to me, I was already again </w:t>
      </w:r>
    </w:p>
    <w:p>
      <w:pPr/>
      <w:r>
        <w:rPr>
          <w:rFonts w:ascii="Helvetica Light" w:hAnsi="Helvetica Light" w:cs="Helvetica Light"/>
          <w:sz w:val="24"/>
          <w:sz-cs w:val="24"/>
        </w:rPr>
        <w:t xml:space="preserve">unconscious, a terrible temperature and nothing to fight it. My father had to dig a hole in the </w:t>
      </w:r>
    </w:p>
    <w:p>
      <w:pPr/>
      <w:r>
        <w:rPr>
          <w:rFonts w:ascii="Helvetica Light" w:hAnsi="Helvetica Light" w:cs="Helvetica Light"/>
          <w:sz w:val="24"/>
          <w:sz-cs w:val="24"/>
        </w:rPr>
        <w:t xml:space="preserve">ground and have two bottles, like wine bottles, fill them up with water, let them down as deep as </w:t>
      </w:r>
    </w:p>
    <w:p>
      <w:pPr/>
      <w:r>
        <w:rPr>
          <w:rFonts w:ascii="Helvetica Light" w:hAnsi="Helvetica Light" w:cs="Helvetica Light"/>
          <w:sz w:val="24"/>
          <w:sz-cs w:val="24"/>
        </w:rPr>
        <w:t xml:space="preserve">he can. Cool it, then they would apply compresses to my head to cool me. There was nothing, no </w:t>
      </w:r>
    </w:p>
    <w:p>
      <w:pPr/>
      <w:r>
        <w:rPr>
          <w:rFonts w:ascii="Helvetica Light" w:hAnsi="Helvetica Light" w:cs="Helvetica Light"/>
          <w:sz w:val="24"/>
          <w:sz-cs w:val="24"/>
        </w:rPr>
        <w:t xml:space="preserve">ice, no aspirin even, no noth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o was in charge of the camp?\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At that time nobody. Nobody. It was sad. There was nobody but, of course, it was </w:t>
      </w:r>
    </w:p>
    <w:p>
      <w:pPr/>
      <w:r>
        <w:rPr>
          <w:rFonts w:ascii="Helvetica Light" w:hAnsi="Helvetica Light" w:cs="Helvetica Light"/>
          <w:sz w:val="24"/>
          <w:sz-cs w:val="24"/>
        </w:rPr>
        <w:t xml:space="preserve">better than those other animals. If I would have developed any of that sooner, I would have died. </w:t>
      </w:r>
    </w:p>
    <w:p>
      <w:pPr/>
      <w:r>
        <w:rPr>
          <w:rFonts w:ascii="Helvetica Light" w:hAnsi="Helvetica Light" w:cs="Helvetica Light"/>
          <w:sz w:val="24"/>
          <w:sz-cs w:val="24"/>
        </w:rPr>
        <w:t xml:space="preserve">They would have just thrown me to the side. So, that was it. But before-- I jumped over one </w:t>
      </w:r>
    </w:p>
    <w:p>
      <w:pPr/>
      <w:r>
        <w:rPr>
          <w:rFonts w:ascii="Helvetica Light" w:hAnsi="Helvetica Light" w:cs="Helvetica Light"/>
          <w:sz w:val="24"/>
          <w:sz-cs w:val="24"/>
        </w:rPr>
        <w:t xml:space="preserve">thing. When they did liberate, before I got this brain-cell inflammation, Americans gave the </w:t>
      </w:r>
    </w:p>
    <w:p>
      <w:pPr/>
      <w:r>
        <w:rPr>
          <w:rFonts w:ascii="Helvetica Light" w:hAnsi="Helvetica Light" w:cs="Helvetica Light"/>
          <w:sz w:val="24"/>
          <w:sz-cs w:val="24"/>
        </w:rPr>
        <w:t xml:space="preserve">camps, camp people, three days to settle their differences with people that were in charge of them, </w:t>
      </w:r>
    </w:p>
    <w:p>
      <w:pPr/>
      <w:r>
        <w:rPr>
          <w:rFonts w:ascii="Helvetica Light" w:hAnsi="Helvetica Light" w:cs="Helvetica Light"/>
          <w:sz w:val="24"/>
          <w:sz-cs w:val="24"/>
        </w:rPr>
        <w:t xml:space="preserve">people in town, whatever. Well, for some reason, my parents knew what it meant. I guess every </w:t>
      </w:r>
    </w:p>
    <w:p>
      <w:pPr/>
      <w:r>
        <w:rPr>
          <w:rFonts w:ascii="Helvetica Light" w:hAnsi="Helvetica Light" w:cs="Helvetica Light"/>
          <w:sz w:val="24"/>
          <w:sz-cs w:val="24"/>
        </w:rPr>
        <w:t xml:space="preserve">adult knew what it meant: settle your differences, because after these three days there would be </w:t>
      </w:r>
    </w:p>
    <w:p>
      <w:pPr/>
      <w:r>
        <w:rPr>
          <w:rFonts w:ascii="Helvetica Light" w:hAnsi="Helvetica Light" w:cs="Helvetica Light"/>
          <w:sz w:val="24"/>
          <w:sz-cs w:val="24"/>
        </w:rPr>
        <w:t xml:space="preserve">courts and everything. There would be no more free hand, get-even. They removed us from that </w:t>
      </w:r>
    </w:p>
    <w:p>
      <w:pPr/>
      <w:r>
        <w:rPr>
          <w:rFonts w:ascii="Helvetica Light" w:hAnsi="Helvetica Light" w:cs="Helvetica Light"/>
          <w:sz w:val="24"/>
          <w:sz-cs w:val="24"/>
        </w:rPr>
        <w:t xml:space="preserve">scene, so I haven\'92t seen anything, but later on I heard of terrible things that were happening. They </w:t>
      </w:r>
    </w:p>
    <w:p>
      <w:pPr/>
      <w:r>
        <w:rPr>
          <w:rFonts w:ascii="Helvetica Light" w:hAnsi="Helvetica Light" w:cs="Helvetica Light"/>
          <w:sz w:val="24"/>
          <w:sz-cs w:val="24"/>
        </w:rPr>
        <w:t xml:space="preserve">removed us to a village nearby. Veen, they called it, and I remember I had some kind of sour soup </w:t>
      </w:r>
    </w:p>
    <w:p>
      <w:pPr/>
      <w:r>
        <w:rPr>
          <w:rFonts w:ascii="Helvetica Light" w:hAnsi="Helvetica Light" w:cs="Helvetica Light"/>
          <w:sz w:val="24"/>
          <w:sz-cs w:val="24"/>
        </w:rPr>
        <w:t xml:space="preserve">that the German farmer prepared, and they had to take us in. Farmers didn\'92t have a choice. They </w:t>
      </w:r>
    </w:p>
    <w:p>
      <w:pPr/>
      <w:r>
        <w:rPr>
          <w:rFonts w:ascii="Helvetica Light" w:hAnsi="Helvetica Light" w:cs="Helvetica Light"/>
          <w:sz w:val="24"/>
          <w:sz-cs w:val="24"/>
        </w:rPr>
        <w:t xml:space="preserve">had to take us in as guests, into the farmhouse, because that was already occupied by American </w:t>
      </w:r>
    </w:p>
    <w:p>
      <w:pPr/>
      <w:r>
        <w:rPr>
          <w:rFonts w:ascii="Helvetica Light" w:hAnsi="Helvetica Light" w:cs="Helvetica Light"/>
          <w:sz w:val="24"/>
          <w:sz-cs w:val="24"/>
        </w:rPr>
        <w:t xml:space="preserve">forces. So we went in there and they had rooms and they had to take us 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at was their attitude towards you?\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t bad. I don\'92t remember anything nasty from them. The food was tremendous. </w:t>
      </w:r>
    </w:p>
    <w:p>
      <w:pPr/>
      <w:r>
        <w:rPr>
          <w:rFonts w:ascii="Helvetica Light" w:hAnsi="Helvetica Light" w:cs="Helvetica Light"/>
          <w:sz w:val="24"/>
          <w:sz-cs w:val="24"/>
        </w:rPr>
        <w:t xml:space="preserve">We never saw that much food in our lives. They were not nasty, but at night it was very scary, </w:t>
      </w:r>
    </w:p>
    <w:p>
      <w:pPr/>
      <w:r>
        <w:rPr>
          <w:rFonts w:ascii="Helvetica Light" w:hAnsi="Helvetica Light" w:cs="Helvetica Light"/>
          <w:sz w:val="24"/>
          <w:sz-cs w:val="24"/>
        </w:rPr>
        <w:t xml:space="preserve">and they were scared and I guess they told my parents that we are making it worse. They had </w:t>
      </w:r>
    </w:p>
    <w:p>
      <w:pPr/>
      <w:r>
        <w:rPr>
          <w:rFonts w:ascii="Helvetica Light" w:hAnsi="Helvetica Light" w:cs="Helvetica Light"/>
          <w:sz w:val="24"/>
          <w:sz-cs w:val="24"/>
        </w:rPr>
        <w:t xml:space="preserve">those shutters, window shutters, that they had to close at night, because that was the type of </w:t>
      </w:r>
    </w:p>
    <w:p>
      <w:pPr/>
      <w:r>
        <w:rPr>
          <w:rFonts w:ascii="Helvetica Light" w:hAnsi="Helvetica Light" w:cs="Helvetica Light"/>
          <w:sz w:val="24"/>
          <w:sz-cs w:val="24"/>
        </w:rPr>
        <w:t xml:space="preserve">territory they lived in. At that time there was a lot of German soldiers that were still hiding in the </w:t>
      </w:r>
    </w:p>
    <w:p>
      <w:pPr/>
      <w:r>
        <w:rPr>
          <w:rFonts w:ascii="Helvetica Light" w:hAnsi="Helvetica Light" w:cs="Helvetica Light"/>
          <w:sz w:val="24"/>
          <w:sz-cs w:val="24"/>
        </w:rPr>
        <w:t xml:space="preserve">forest. They did not want to surrender. There was still like guerrillas fighting, quiet tactics, and </w:t>
      </w:r>
    </w:p>
    <w:p>
      <w:pPr/>
      <w:r>
        <w:rPr>
          <w:rFonts w:ascii="Helvetica Light" w:hAnsi="Helvetica Light" w:cs="Helvetica Light"/>
          <w:sz w:val="24"/>
          <w:sz-cs w:val="24"/>
        </w:rPr>
        <w:t xml:space="preserve">they would come around to those homes, I remember, at night. They would be hitting on the </w:t>
      </w:r>
    </w:p>
    <w:p>
      <w:pPr/>
      <w:r>
        <w:rPr>
          <w:rFonts w:ascii="Helvetica Light" w:hAnsi="Helvetica Light" w:cs="Helvetica Light"/>
          <w:sz w:val="24"/>
          <w:sz-cs w:val="24"/>
        </w:rPr>
        <w:t xml:space="preserve">window and telling them in German, "Open up. We are your brothers. We need food and we need </w:t>
      </w:r>
    </w:p>
    <w:p>
      <w:pPr/>
      <w:r>
        <w:rPr>
          <w:rFonts w:ascii="Helvetica Light" w:hAnsi="Helvetica Light" w:cs="Helvetica Light"/>
          <w:sz w:val="24"/>
          <w:sz-cs w:val="24"/>
        </w:rPr>
        <w:t xml:space="preserve">this," and they would not open it for them. They were afrai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were recovered by this time from the illnesses that you ha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it was only the chocolate I had recovered from-- Not from Veen, sorry. When </w:t>
      </w:r>
    </w:p>
    <w:p>
      <w:pPr/>
      <w:r>
        <w:rPr>
          <w:rFonts w:ascii="Helvetica Light" w:hAnsi="Helvetica Light" w:cs="Helvetica Light"/>
          <w:sz w:val="24"/>
          <w:sz-cs w:val="24"/>
        </w:rPr>
        <w:t xml:space="preserve">we went to Veen it was right after we went through the front. We went through the terrible front </w:t>
      </w:r>
    </w:p>
    <w:p>
      <w:pPr/>
      <w:r>
        <w:rPr>
          <w:rFonts w:ascii="Helvetica Light" w:hAnsi="Helvetica Light" w:cs="Helvetica Light"/>
          <w:sz w:val="24"/>
          <w:sz-cs w:val="24"/>
        </w:rPr>
        <w:t xml:space="preserve">and everything, and we swung around to the camp and Americans declared three days of cleaning </w:t>
      </w:r>
    </w:p>
    <w:p>
      <w:pPr/>
      <w:r>
        <w:rPr>
          <w:rFonts w:ascii="Helvetica Light" w:hAnsi="Helvetica Light" w:cs="Helvetica Light"/>
          <w:sz w:val="24"/>
          <w:sz-cs w:val="24"/>
        </w:rPr>
        <w:t xml:space="preserve">up. They finally captured the Germans and they have re-liberated the camp. At that time I was </w:t>
      </w:r>
    </w:p>
    <w:p>
      <w:pPr/>
      <w:r>
        <w:rPr>
          <w:rFonts w:ascii="Helvetica Light" w:hAnsi="Helvetica Light" w:cs="Helvetica Light"/>
          <w:sz w:val="24"/>
          <w:sz-cs w:val="24"/>
        </w:rPr>
        <w:t xml:space="preserve">given a chocolate bar and I went unconsciou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nd you were in the camp during that tim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was in the camp. Huh. That\'92s good. I was in the camp. But when did they give </w:t>
      </w:r>
    </w:p>
    <w:p>
      <w:pPr/>
      <w:r>
        <w:rPr>
          <w:rFonts w:ascii="Helvetica Light" w:hAnsi="Helvetica Light" w:cs="Helvetica Light"/>
          <w:sz w:val="24"/>
          <w:sz-cs w:val="24"/>
        </w:rPr>
        <w:t xml:space="preserve">us? So that means the first group, the first group of soldiers that went through, they did not give </w:t>
      </w:r>
    </w:p>
    <w:p>
      <w:pPr/>
      <w:r>
        <w:rPr>
          <w:rFonts w:ascii="Helvetica Light" w:hAnsi="Helvetica Light" w:cs="Helvetica Light"/>
          <w:sz w:val="24"/>
          <w:sz-cs w:val="24"/>
        </w:rPr>
        <w:t xml:space="preserve">us permission to kill or anything, but it was the second group of soldiers that came through, I </w:t>
      </w:r>
    </w:p>
    <w:p>
      <w:pPr/>
      <w:r>
        <w:rPr>
          <w:rFonts w:ascii="Helvetica Light" w:hAnsi="Helvetica Light" w:cs="Helvetica Light"/>
          <w:sz w:val="24"/>
          <w:sz-cs w:val="24"/>
        </w:rPr>
        <w:t xml:space="preserve">gues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t was a group of Americans that gave you permissio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Oh, yes. They were all Americans. The first group is the fighters. They just go </w:t>
      </w:r>
    </w:p>
    <w:p>
      <w:pPr/>
      <w:r>
        <w:rPr>
          <w:rFonts w:ascii="Helvetica Light" w:hAnsi="Helvetica Light" w:cs="Helvetica Light"/>
          <w:sz w:val="24"/>
          <w:sz-cs w:val="24"/>
        </w:rPr>
        <w:t xml:space="preserve">through like a bulldozer and fight for the territory. The second group comes in and cleans up </w:t>
      </w:r>
    </w:p>
    <w:p>
      <w:pPr/>
      <w:r>
        <w:rPr>
          <w:rFonts w:ascii="Helvetica Light" w:hAnsi="Helvetica Light" w:cs="Helvetica Light"/>
          <w:sz w:val="24"/>
          <w:sz-cs w:val="24"/>
        </w:rPr>
        <w:t xml:space="preserve">whatever wasn\'92t done by the first group. Then the third group was the medical and the full </w:t>
      </w:r>
    </w:p>
    <w:p>
      <w:pPr/>
      <w:r>
        <w:rPr>
          <w:rFonts w:ascii="Helvetica Light" w:hAnsi="Helvetica Light" w:cs="Helvetica Light"/>
          <w:sz w:val="24"/>
          <w:sz-cs w:val="24"/>
        </w:rPr>
        <w:t xml:space="preserve">established compani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So it was the second group that gave you permission to pillage or kill, or </w:t>
      </w:r>
    </w:p>
    <w:p>
      <w:pPr/>
      <w:r>
        <w:rPr>
          <w:rFonts w:ascii="Helvetica Light" w:hAnsi="Helvetica Light" w:cs="Helvetica Light"/>
          <w:sz w:val="24"/>
          <w:sz-cs w:val="24"/>
        </w:rPr>
        <w:t xml:space="preserve">whateve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t to pillage. Just to kill whoever was terrible to you, because they said, after </w:t>
      </w:r>
    </w:p>
    <w:p>
      <w:pPr/>
      <w:r>
        <w:rPr>
          <w:rFonts w:ascii="Helvetica Light" w:hAnsi="Helvetica Light" w:cs="Helvetica Light"/>
          <w:sz w:val="24"/>
          <w:sz-cs w:val="24"/>
        </w:rPr>
        <w:t xml:space="preserve">this, they will have to be brought to cour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as that commo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think it was, but I think it\'92s very-- not stupid. It\'92s very uncivilized. It\'92s something </w:t>
      </w:r>
    </w:p>
    <w:p>
      <w:pPr/>
      <w:r>
        <w:rPr>
          <w:rFonts w:ascii="Helvetica Light" w:hAnsi="Helvetica Light" w:cs="Helvetica Light"/>
          <w:sz w:val="24"/>
          <w:sz-cs w:val="24"/>
        </w:rPr>
        <w:t xml:space="preserve">you don\'92t want to do to a person what\'92s hurt badly. You don\'92t want to give him the privileg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o unleash all that aggressio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o get even, because then he will never live through this again. I think it was very, </w:t>
      </w:r>
    </w:p>
    <w:p>
      <w:pPr/>
      <w:r>
        <w:rPr>
          <w:rFonts w:ascii="Helvetica Light" w:hAnsi="Helvetica Light" w:cs="Helvetica Light"/>
          <w:sz w:val="24"/>
          <w:sz-cs w:val="24"/>
        </w:rPr>
        <w:t xml:space="preserve">very ba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But it was the American army that did thi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Oh, yes. I think they did it with the thought that after they saw what was </w:t>
      </w:r>
    </w:p>
    <w:p>
      <w:pPr/>
      <w:r>
        <w:rPr>
          <w:rFonts w:ascii="Helvetica Light" w:hAnsi="Helvetica Light" w:cs="Helvetica Light"/>
          <w:sz w:val="24"/>
          <w:sz-cs w:val="24"/>
        </w:rPr>
        <w:t xml:space="preserve">happening to people, that this must be revenged some way. But some people, they were still </w:t>
      </w:r>
    </w:p>
    <w:p>
      <w:pPr/>
      <w:r>
        <w:rPr>
          <w:rFonts w:ascii="Helvetica Light" w:hAnsi="Helvetica Light" w:cs="Helvetica Light"/>
          <w:sz w:val="24"/>
          <w:sz-cs w:val="24"/>
        </w:rPr>
        <w:t xml:space="preserve">capable of doing it. I heard they did capture some Ukrainians. They would try, with whatever they </w:t>
      </w:r>
    </w:p>
    <w:p>
      <w:pPr/>
      <w:r>
        <w:rPr>
          <w:rFonts w:ascii="Helvetica Light" w:hAnsi="Helvetica Light" w:cs="Helvetica Light"/>
          <w:sz w:val="24"/>
          <w:sz-cs w:val="24"/>
        </w:rPr>
        <w:t xml:space="preserve">had, shovels or anything, to finish them off, and they said that they never knew that a person was </w:t>
      </w:r>
    </w:p>
    <w:p>
      <w:pPr/>
      <w:r>
        <w:rPr>
          <w:rFonts w:ascii="Helvetica Light" w:hAnsi="Helvetica Light" w:cs="Helvetica Light"/>
          <w:sz w:val="24"/>
          <w:sz-cs w:val="24"/>
        </w:rPr>
        <w:t xml:space="preserve">so hard to kill, because always an arm or something was still moving. Now, I never saw this, </w:t>
      </w:r>
    </w:p>
    <w:p>
      <w:pPr/>
      <w:r>
        <w:rPr>
          <w:rFonts w:ascii="Helvetica Light" w:hAnsi="Helvetica Light" w:cs="Helvetica Light"/>
          <w:sz w:val="24"/>
          <w:sz-cs w:val="24"/>
        </w:rPr>
        <w:t xml:space="preserve">because I was in the village. When we came to the village-- so that must have been-- it was still </w:t>
      </w:r>
    </w:p>
    <w:p>
      <w:pPr/>
      <w:r>
        <w:rPr>
          <w:rFonts w:ascii="Helvetica Light" w:hAnsi="Helvetica Light" w:cs="Helvetica Light"/>
          <w:sz w:val="24"/>
          <w:sz-cs w:val="24"/>
        </w:rPr>
        <w:t xml:space="preserve">the second group that came through then. I ate the chocolate and then I went out, but we still did </w:t>
      </w:r>
    </w:p>
    <w:p>
      <w:pPr/>
      <w:r>
        <w:rPr>
          <w:rFonts w:ascii="Helvetica Light" w:hAnsi="Helvetica Light" w:cs="Helvetica Light"/>
          <w:sz w:val="24"/>
          <w:sz-cs w:val="24"/>
        </w:rPr>
        <w:t xml:space="preserve">not have medics. Then the medical group came through and they put the whole camp on a strict </w:t>
      </w:r>
    </w:p>
    <w:p>
      <w:pPr/>
      <w:r>
        <w:rPr>
          <w:rFonts w:ascii="Helvetica Light" w:hAnsi="Helvetica Light" w:cs="Helvetica Light"/>
          <w:sz w:val="24"/>
          <w:sz-cs w:val="24"/>
        </w:rPr>
        <w:t xml:space="preserve">diet of water, warm cereals, oatmeal, I think, water, and then after so many days there was a little </w:t>
      </w:r>
    </w:p>
    <w:p>
      <w:pPr/>
      <w:r>
        <w:rPr>
          <w:rFonts w:ascii="Helvetica Light" w:hAnsi="Helvetica Light" w:cs="Helvetica Light"/>
          <w:sz w:val="24"/>
          <w:sz-cs w:val="24"/>
        </w:rPr>
        <w:t xml:space="preserve">milk in it, and oatmeal, and then finally, it was milk and oatmeal; you could drink milk separately, </w:t>
      </w:r>
    </w:p>
    <w:p>
      <w:pPr/>
      <w:r>
        <w:rPr>
          <w:rFonts w:ascii="Helvetica Light" w:hAnsi="Helvetica Light" w:cs="Helvetica Light"/>
          <w:sz w:val="24"/>
          <w:sz-cs w:val="24"/>
        </w:rPr>
        <w:t xml:space="preserve">and so forth.\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So, that when you talk about this brain-cell infection that you had, that was during </w:t>
      </w:r>
    </w:p>
    <w:p>
      <w:pPr/>
      <w:r>
        <w:rPr>
          <w:rFonts w:ascii="Helvetica Light" w:hAnsi="Helvetica Light" w:cs="Helvetica Light"/>
          <w:sz w:val="24"/>
          <w:sz-cs w:val="24"/>
        </w:rPr>
        <w:t xml:space="preserve">the time that the medics were ther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pe. That was before the medics got there, ye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ow was that diagnosed? How did they know what was going on with you?\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re were some individuals in camps from Hungary-- and I don\'92t know how it </w:t>
      </w:r>
    </w:p>
    <w:p>
      <w:pPr/>
      <w:r>
        <w:rPr>
          <w:rFonts w:ascii="Helvetica Light" w:hAnsi="Helvetica Light" w:cs="Helvetica Light"/>
          <w:sz w:val="24"/>
          <w:sz-cs w:val="24"/>
        </w:rPr>
        <w:t xml:space="preserve">was diagnosed. It was diagnosed that I had a-- that\'92s a good one! There was nothing that they </w:t>
      </w:r>
    </w:p>
    <w:p>
      <w:pPr/>
      <w:r>
        <w:rPr>
          <w:rFonts w:ascii="Helvetica Light" w:hAnsi="Helvetica Light" w:cs="Helvetica Light"/>
          <w:sz w:val="24"/>
          <w:sz-cs w:val="24"/>
        </w:rPr>
        <w:t xml:space="preserve">were giving me. I think, just cold compresses on my head. But I know that my parents were </w:t>
      </w:r>
    </w:p>
    <w:p>
      <w:pPr/>
      <w:r>
        <w:rPr>
          <w:rFonts w:ascii="Helvetica Light" w:hAnsi="Helvetica Light" w:cs="Helvetica Light"/>
          <w:sz w:val="24"/>
          <w:sz-cs w:val="24"/>
        </w:rPr>
        <w:t xml:space="preserve">saying-- I always have to remember that because some day I might need to know that if some </w:t>
      </w:r>
    </w:p>
    <w:p>
      <w:pPr/>
      <w:r>
        <w:rPr>
          <w:rFonts w:ascii="Helvetica Light" w:hAnsi="Helvetica Light" w:cs="Helvetica Light"/>
          <w:sz w:val="24"/>
          <w:sz-cs w:val="24"/>
        </w:rPr>
        <w:t xml:space="preserve">problems would develop, that I had that. I never questioned that. It\'92s a good point. I don\'92t know </w:t>
      </w:r>
    </w:p>
    <w:p>
      <w:pPr/>
      <w:r>
        <w:rPr>
          <w:rFonts w:ascii="Helvetica Light" w:hAnsi="Helvetica Light" w:cs="Helvetica Light"/>
          <w:sz w:val="24"/>
          <w:sz-cs w:val="24"/>
        </w:rPr>
        <w:t xml:space="preserve">how they diagnosed it, whether somebody knew enough, or whether my parents later on </w:t>
      </w:r>
    </w:p>
    <w:p>
      <w:pPr/>
      <w:r>
        <w:rPr>
          <w:rFonts w:ascii="Helvetica Light" w:hAnsi="Helvetica Light" w:cs="Helvetica Light"/>
          <w:sz w:val="24"/>
          <w:sz-cs w:val="24"/>
        </w:rPr>
        <w:t xml:space="preserve">investigated it, and had somebody determine what, I don\'92t know. And then things, you said, did </w:t>
      </w:r>
    </w:p>
    <w:p>
      <w:pPr/>
      <w:r>
        <w:rPr>
          <w:rFonts w:ascii="Helvetica Light" w:hAnsi="Helvetica Light" w:cs="Helvetica Light"/>
          <w:sz w:val="24"/>
          <w:sz-cs w:val="24"/>
        </w:rPr>
        <w:t xml:space="preserve">things start coming to normal? Then, yes. There was no schools, but us as young boys-- I don\'92t </w:t>
      </w:r>
    </w:p>
    <w:p>
      <w:pPr/>
      <w:r>
        <w:rPr>
          <w:rFonts w:ascii="Helvetica Light" w:hAnsi="Helvetica Light" w:cs="Helvetica Light"/>
          <w:sz w:val="24"/>
          <w:sz-cs w:val="24"/>
        </w:rPr>
        <w:t xml:space="preserve">remember girls. We were not interested in girls at all for some reason. And I was at an age when I </w:t>
      </w:r>
    </w:p>
    <w:p>
      <w:pPr/>
      <w:r>
        <w:rPr>
          <w:rFonts w:ascii="Helvetica Light" w:hAnsi="Helvetica Light" w:cs="Helvetica Light"/>
          <w:sz w:val="24"/>
          <w:sz-cs w:val="24"/>
        </w:rPr>
        <w:t xml:space="preserve">should have been looking already at girls.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t was an age, you said, when you should have been looking, but you weren\'92t </w:t>
      </w:r>
    </w:p>
    <w:p>
      <w:pPr/>
      <w:r>
        <w:rPr>
          <w:rFonts w:ascii="Helvetica Light" w:hAnsi="Helvetica Light" w:cs="Helvetica Light"/>
          <w:sz w:val="24"/>
          <w:sz-cs w:val="24"/>
        </w:rPr>
        <w:t xml:space="preserve">intereste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not at all. After I got well and so forth, a certain time, I don\'92t even remember, </w:t>
      </w:r>
    </w:p>
    <w:p>
      <w:pPr/>
      <w:r>
        <w:rPr>
          <w:rFonts w:ascii="Helvetica Light" w:hAnsi="Helvetica Light" w:cs="Helvetica Light"/>
          <w:sz w:val="24"/>
          <w:sz-cs w:val="24"/>
        </w:rPr>
        <w:t xml:space="preserve">my brother got well, we started to form like boy scouts. My older brother was always the leader. </w:t>
      </w:r>
    </w:p>
    <w:p>
      <w:pPr/>
      <w:r>
        <w:rPr>
          <w:rFonts w:ascii="Helvetica Light" w:hAnsi="Helvetica Light" w:cs="Helvetica Light"/>
          <w:sz w:val="24"/>
          <w:sz-cs w:val="24"/>
        </w:rPr>
        <w:t xml:space="preserve">He would be the group pack leader and we would go and try to imitate what we did in Hungary, </w:t>
      </w:r>
    </w:p>
    <w:p>
      <w:pPr/>
      <w:r>
        <w:rPr>
          <w:rFonts w:ascii="Helvetica Light" w:hAnsi="Helvetica Light" w:cs="Helvetica Light"/>
          <w:sz w:val="24"/>
          <w:sz-cs w:val="24"/>
        </w:rPr>
        <w:t xml:space="preserve">when we were boy scouts there, younger, and going with parents, with father into the woods with </w:t>
      </w:r>
    </w:p>
    <w:p>
      <w:pPr/>
      <w:r>
        <w:rPr>
          <w:rFonts w:ascii="Helvetica Light" w:hAnsi="Helvetica Light" w:cs="Helvetica Light"/>
          <w:sz w:val="24"/>
          <w:sz-cs w:val="24"/>
        </w:rPr>
        <w:t xml:space="preserve">the rest of the boys, organized. We started doing the same things. Walking around and trying to </w:t>
      </w:r>
    </w:p>
    <w:p>
      <w:pPr/>
      <w:r>
        <w:rPr>
          <w:rFonts w:ascii="Helvetica Light" w:hAnsi="Helvetica Light" w:cs="Helvetica Light"/>
          <w:sz w:val="24"/>
          <w:sz-cs w:val="24"/>
        </w:rPr>
        <w:t xml:space="preserve">pick the berries, because there was nothing else. You couldn\'92t make hamburgers or hot dogs. But </w:t>
      </w:r>
    </w:p>
    <w:p>
      <w:pPr/>
      <w:r>
        <w:rPr>
          <w:rFonts w:ascii="Helvetica Light" w:hAnsi="Helvetica Light" w:cs="Helvetica Light"/>
          <w:sz w:val="24"/>
          <w:sz-cs w:val="24"/>
        </w:rPr>
        <w:t xml:space="preserve">we would pick the berries and so forth, and we would play, not army, but play like we were </w:t>
      </w:r>
    </w:p>
    <w:p>
      <w:pPr/>
      <w:r>
        <w:rPr>
          <w:rFonts w:ascii="Helvetica Light" w:hAnsi="Helvetica Light" w:cs="Helvetica Light"/>
          <w:sz w:val="24"/>
          <w:sz-cs w:val="24"/>
        </w:rPr>
        <w:t xml:space="preserve">Knights of the Round Table, or something. That was the only getting back to normal. There was </w:t>
      </w:r>
    </w:p>
    <w:p>
      <w:pPr/>
      <w:r>
        <w:rPr>
          <w:rFonts w:ascii="Helvetica Light" w:hAnsi="Helvetica Light" w:cs="Helvetica Light"/>
          <w:sz w:val="24"/>
          <w:sz-cs w:val="24"/>
        </w:rPr>
        <w:t xml:space="preserve">nothing, no toys, no noth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were at that time about 12?\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welve. Must have been 12 in \'9145. I was \'9134. [born in \'9134]\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welve and a half, perhaps. You were still living in the camp?\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Oh, yes, but that was a sad set-up. We lived in camps until we left German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ow long was tha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Until \'9149. I arrived in Boston, Massachusetts, on August 27, 1949.\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ere you still living in the same camp?\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se were different DP camps, the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Neumark was the first one. Then we went to Hochenfel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Neumark was the camp from which you were liberated, but you stayed there for </w:t>
      </w:r>
    </w:p>
    <w:p>
      <w:pPr/>
      <w:r>
        <w:rPr>
          <w:rFonts w:ascii="Helvetica Light" w:hAnsi="Helvetica Light" w:cs="Helvetica Light"/>
          <w:sz w:val="24"/>
          <w:sz-cs w:val="24"/>
        </w:rPr>
        <w:t xml:space="preserve">about how lo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don\'92t know, probably months, two months, three months. At least 3 months. Six </w:t>
      </w:r>
    </w:p>
    <w:p>
      <w:pPr/>
      <w:r>
        <w:rPr>
          <w:rFonts w:ascii="Helvetica Light" w:hAnsi="Helvetica Light" w:cs="Helvetica Light"/>
          <w:sz w:val="24"/>
          <w:sz-cs w:val="24"/>
        </w:rPr>
        <w:t xml:space="preserve">month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nd then the next one is H-O-C-H-E-N-F-E-L-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Hochenfels, correct; Ansbauch.\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N-N-S-B-A-C-H... [correct spelling is Ansbauch]\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W-I-L-D-F-L-E-C-K-E-N-- and then there was-- see, what happened, we ended </w:t>
      </w:r>
    </w:p>
    <w:p>
      <w:pPr/>
      <w:r>
        <w:rPr>
          <w:rFonts w:ascii="Helvetica Light" w:hAnsi="Helvetica Light" w:cs="Helvetica Light"/>
          <w:sz w:val="24"/>
          <w:sz-cs w:val="24"/>
        </w:rPr>
        <w:t xml:space="preserve">up, Neumark was the camp we were in, but from then on we were in German military camp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se were German militar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Without Germans in them. They were old and some of them were new. Military </w:t>
      </w:r>
    </w:p>
    <w:p>
      <w:pPr/>
      <w:r>
        <w:rPr>
          <w:rFonts w:ascii="Helvetica Light" w:hAnsi="Helvetica Light" w:cs="Helvetica Light"/>
          <w:sz w:val="24"/>
          <w:sz-cs w:val="24"/>
        </w:rPr>
        <w:t xml:space="preserve">barrack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E-I-L-B-R-O-N-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Heilbronn, that\'92s near Stuttgart. That\'92s Wittenber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nd the last L-U-D-V-I-G-S-B-U-R-G. [Ludwigsbur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Ludwigburg, and then Bremenhafe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B-R-E-M-E-N-H-A-F-E-N [Bremerhave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but now these last two, Ludwigsburg and Bremenhaven [Bremerhaven], they </w:t>
      </w:r>
    </w:p>
    <w:p>
      <w:pPr/>
      <w:r>
        <w:rPr>
          <w:rFonts w:ascii="Helvetica Light" w:hAnsi="Helvetica Light" w:cs="Helvetica Light"/>
          <w:sz w:val="24"/>
          <w:sz-cs w:val="24"/>
        </w:rPr>
        <w:t xml:space="preserve">were-- where we were being watched-- we were leaving Germany, so they were pre-- preparatory </w:t>
      </w:r>
    </w:p>
    <w:p>
      <w:pPr/>
      <w:r>
        <w:rPr>
          <w:rFonts w:ascii="Helvetica Light" w:hAnsi="Helvetica Light" w:cs="Helvetica Light"/>
          <w:sz w:val="24"/>
          <w:sz-cs w:val="24"/>
        </w:rPr>
        <w:t xml:space="preserve">camps for coming to the United States. So in Ludwigsburg, they screened us, they did everything, </w:t>
      </w:r>
    </w:p>
    <w:p>
      <w:pPr/>
      <w:r>
        <w:rPr>
          <w:rFonts w:ascii="Helvetica Light" w:hAnsi="Helvetica Light" w:cs="Helvetica Light"/>
          <w:sz w:val="24"/>
          <w:sz-cs w:val="24"/>
        </w:rPr>
        <w:t xml:space="preserve">they checked our health, to make sure that we are capable of doing things for ourselves. In </w:t>
      </w:r>
    </w:p>
    <w:p>
      <w:pPr/>
      <w:r>
        <w:rPr>
          <w:rFonts w:ascii="Helvetica Light" w:hAnsi="Helvetica Light" w:cs="Helvetica Light"/>
          <w:sz w:val="24"/>
          <w:sz-cs w:val="24"/>
        </w:rPr>
        <w:t xml:space="preserve">Bremenhafen, [Bremerhaven] we just waited for the ship. That is the port, from which we left for </w:t>
      </w:r>
    </w:p>
    <w:p>
      <w:pPr/>
      <w:r>
        <w:rPr>
          <w:rFonts w:ascii="Helvetica Light" w:hAnsi="Helvetica Light" w:cs="Helvetica Light"/>
          <w:sz w:val="24"/>
          <w:sz-cs w:val="24"/>
        </w:rPr>
        <w:t xml:space="preserve">New York City, but we never made it to New York because of the storm. We ended up in </w:t>
      </w:r>
    </w:p>
    <w:p>
      <w:pPr/>
      <w:r>
        <w:rPr>
          <w:rFonts w:ascii="Helvetica Light" w:hAnsi="Helvetica Light" w:cs="Helvetica Light"/>
          <w:sz w:val="24"/>
          <w:sz-cs w:val="24"/>
        </w:rPr>
        <w:t xml:space="preserve">Boston, Massachusetts. We had to go around i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en we spoke before, you told me that after you were liberated  and, whether it </w:t>
      </w:r>
    </w:p>
    <w:p>
      <w:pPr/>
      <w:r>
        <w:rPr>
          <w:rFonts w:ascii="Helvetica Light" w:hAnsi="Helvetica Light" w:cs="Helvetica Light"/>
          <w:sz w:val="24"/>
          <w:sz-cs w:val="24"/>
        </w:rPr>
        <w:t xml:space="preserve">was in Europe or whether it was upon coming to the United States, that you had dreams that </w:t>
      </w:r>
    </w:p>
    <w:p>
      <w:pPr/>
      <w:r>
        <w:rPr>
          <w:rFonts w:ascii="Helvetica Light" w:hAnsi="Helvetica Light" w:cs="Helvetica Light"/>
          <w:sz w:val="24"/>
          <w:sz-cs w:val="24"/>
        </w:rPr>
        <w:t xml:space="preserve">were quite pronounced. Could you describe those to m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I always would wake up not just dream about it, would wake up in the middle </w:t>
      </w:r>
    </w:p>
    <w:p>
      <w:pPr/>
      <w:r>
        <w:rPr>
          <w:rFonts w:ascii="Helvetica Light" w:hAnsi="Helvetica Light" w:cs="Helvetica Light"/>
          <w:sz w:val="24"/>
          <w:sz-cs w:val="24"/>
        </w:rPr>
        <w:t xml:space="preserve">of the night. The Germans were after m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as this still in Europe, or was this once you came here to America?\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t wasn\'92t too much in Europe. It was when I came here, when I finally, I believe, I </w:t>
      </w:r>
    </w:p>
    <w:p>
      <w:pPr/>
      <w:r>
        <w:rPr>
          <w:rFonts w:ascii="Helvetica Light" w:hAnsi="Helvetica Light" w:cs="Helvetica Light"/>
          <w:sz w:val="24"/>
          <w:sz-cs w:val="24"/>
        </w:rPr>
        <w:t xml:space="preserve">experienced a total relaxation and freedom. My dream of my life was to own a gun. A gun meant </w:t>
      </w:r>
    </w:p>
    <w:p>
      <w:pPr/>
      <w:r>
        <w:rPr>
          <w:rFonts w:ascii="Helvetica Light" w:hAnsi="Helvetica Light" w:cs="Helvetica Light"/>
          <w:sz w:val="24"/>
          <w:sz-cs w:val="24"/>
        </w:rPr>
        <w:t xml:space="preserve">life to m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en you say dream, you\'92re not talking about an actual dream, you are talking </w:t>
      </w:r>
    </w:p>
    <w:p>
      <w:pPr/>
      <w:r>
        <w:rPr>
          <w:rFonts w:ascii="Helvetica Light" w:hAnsi="Helvetica Light" w:cs="Helvetica Light"/>
          <w:sz w:val="24"/>
          <w:sz-cs w:val="24"/>
        </w:rPr>
        <w:t xml:space="preserve">about a wish.\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My wish. My desire was to put my hand on a gun, to have a gun, because gun </w:t>
      </w:r>
    </w:p>
    <w:p>
      <w:pPr/>
      <w:r>
        <w:rPr>
          <w:rFonts w:ascii="Helvetica Light" w:hAnsi="Helvetica Light" w:cs="Helvetica Light"/>
          <w:sz w:val="24"/>
          <w:sz-cs w:val="24"/>
        </w:rPr>
        <w:t xml:space="preserve">meant so much when I was in captivity. A gun meant everything. Money didn\'92t mean anything, </w:t>
      </w:r>
    </w:p>
    <w:p>
      <w:pPr/>
      <w:r>
        <w:rPr>
          <w:rFonts w:ascii="Helvetica Light" w:hAnsi="Helvetica Light" w:cs="Helvetica Light"/>
          <w:sz w:val="24"/>
          <w:sz-cs w:val="24"/>
        </w:rPr>
        <w:t xml:space="preserve">but a gun meant power. A gun meant freedom. A gun meant everything. So as soon as I had a </w:t>
      </w:r>
    </w:p>
    <w:p>
      <w:pPr/>
      <w:r>
        <w:rPr>
          <w:rFonts w:ascii="Helvetica Light" w:hAnsi="Helvetica Light" w:cs="Helvetica Light"/>
          <w:sz w:val="24"/>
          <w:sz-cs w:val="24"/>
        </w:rPr>
        <w:t xml:space="preserve">chance, I bought a weapon to go hunting. Ten dollars it cost me to buy a shotgun, a cheap </w:t>
      </w:r>
    </w:p>
    <w:p>
      <w:pPr/>
      <w:r>
        <w:rPr>
          <w:rFonts w:ascii="Helvetica Light" w:hAnsi="Helvetica Light" w:cs="Helvetica Light"/>
          <w:sz w:val="24"/>
          <w:sz-cs w:val="24"/>
        </w:rPr>
        <w:t xml:space="preserve">shotgun. I treasured it. I cleaned it and everything, and then I went into the military, and I bought </w:t>
      </w:r>
    </w:p>
    <w:p>
      <w:pPr/>
      <w:r>
        <w:rPr>
          <w:rFonts w:ascii="Helvetica Light" w:hAnsi="Helvetica Light" w:cs="Helvetica Light"/>
          <w:sz w:val="24"/>
          <w:sz-cs w:val="24"/>
        </w:rPr>
        <w:t xml:space="preserve">a 45 pistol soon as I came ou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were in the American militar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the 82nd Airborne, and I bought a 45 pistol, as soon as I came out of the </w:t>
      </w:r>
    </w:p>
    <w:p>
      <w:pPr/>
      <w:r>
        <w:rPr>
          <w:rFonts w:ascii="Helvetica Light" w:hAnsi="Helvetica Light" w:cs="Helvetica Light"/>
          <w:sz w:val="24"/>
          <w:sz-cs w:val="24"/>
        </w:rPr>
        <w:t xml:space="preserve">military. Of course, I had it registered and I had to send to the FBI or whatever, and I still have it. </w:t>
      </w:r>
    </w:p>
    <w:p>
      <w:pPr/>
      <w:r>
        <w:rPr>
          <w:rFonts w:ascii="Helvetica Light" w:hAnsi="Helvetica Light" w:cs="Helvetica Light"/>
          <w:sz w:val="24"/>
          <w:sz-cs w:val="24"/>
        </w:rPr>
        <w:t xml:space="preserve">I\'92m still the owner of a 45, and I used to play with it something terrible. On the weekends I would </w:t>
      </w:r>
    </w:p>
    <w:p>
      <w:pPr/>
      <w:r>
        <w:rPr>
          <w:rFonts w:ascii="Helvetica Light" w:hAnsi="Helvetica Light" w:cs="Helvetica Light"/>
          <w:sz w:val="24"/>
          <w:sz-cs w:val="24"/>
        </w:rPr>
        <w:t xml:space="preserve">clean it in the yard so everybody could see it. Like a child with a new toy and I had to take it </w:t>
      </w:r>
    </w:p>
    <w:p>
      <w:pPr/>
      <w:r>
        <w:rPr>
          <w:rFonts w:ascii="Helvetica Light" w:hAnsi="Helvetica Light" w:cs="Helvetica Light"/>
          <w:sz w:val="24"/>
          <w:sz-cs w:val="24"/>
        </w:rPr>
        <w:t xml:space="preserve">apart, and I had to oil it and pretend that I am looking at the barrel and, finally it left me. I am </w:t>
      </w:r>
    </w:p>
    <w:p>
      <w:pPr/>
      <w:r>
        <w:rPr>
          <w:rFonts w:ascii="Helvetica Light" w:hAnsi="Helvetica Light" w:cs="Helvetica Light"/>
          <w:sz w:val="24"/>
          <w:sz-cs w:val="24"/>
        </w:rPr>
        <w:t xml:space="preserve">free. I don\'92t have to have a weapo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ow long did that feeling las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at feeling was for quite a while, because as soon as I had the weapons, then it </w:t>
      </w:r>
    </w:p>
    <w:p>
      <w:pPr/>
      <w:r>
        <w:rPr>
          <w:rFonts w:ascii="Helvetica Light" w:hAnsi="Helvetica Light" w:cs="Helvetica Light"/>
          <w:sz w:val="24"/>
          <w:sz-cs w:val="24"/>
        </w:rPr>
        <w:t xml:space="preserve">rekindled the old memories, I think. So when I would go to bed, then the dreams would change </w:t>
      </w:r>
    </w:p>
    <w:p>
      <w:pPr/>
      <w:r>
        <w:rPr>
          <w:rFonts w:ascii="Helvetica Light" w:hAnsi="Helvetica Light" w:cs="Helvetica Light"/>
          <w:sz w:val="24"/>
          <w:sz-cs w:val="24"/>
        </w:rPr>
        <w:t xml:space="preserve">that Germans are not just chasing me, but if I could only get to my gun, to my pistol, that was </w:t>
      </w:r>
    </w:p>
    <w:p>
      <w:pPr/>
      <w:r>
        <w:rPr>
          <w:rFonts w:ascii="Helvetica Light" w:hAnsi="Helvetica Light" w:cs="Helvetica Light"/>
          <w:sz w:val="24"/>
          <w:sz-cs w:val="24"/>
        </w:rPr>
        <w:t xml:space="preserve">even after I got out of the military, if I just could get to my pistol, things will chang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So the initial dream was that the Germans were chasing you?\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y were chasing me and I was running away and it is so hard when you are </w:t>
      </w:r>
    </w:p>
    <w:p>
      <w:pPr/>
      <w:r>
        <w:rPr>
          <w:rFonts w:ascii="Helvetica Light" w:hAnsi="Helvetica Light" w:cs="Helvetica Light"/>
          <w:sz w:val="24"/>
          <w:sz-cs w:val="24"/>
        </w:rPr>
        <w:t xml:space="preserve">asleep to run. It\'92s like they are getting closer and your legs are so tired. You can\'92t run because of </w:t>
      </w:r>
    </w:p>
    <w:p>
      <w:pPr/>
      <w:r>
        <w:rPr>
          <w:rFonts w:ascii="Helvetica Light" w:hAnsi="Helvetica Light" w:cs="Helvetica Light"/>
          <w:sz w:val="24"/>
          <w:sz-cs w:val="24"/>
        </w:rPr>
        <w:t xml:space="preserve">blankets or whatever you have over you. You can\'92t move. And they are getting closer and closer, </w:t>
      </w:r>
    </w:p>
    <w:p>
      <w:pPr/>
      <w:r>
        <w:rPr>
          <w:rFonts w:ascii="Helvetica Light" w:hAnsi="Helvetica Light" w:cs="Helvetica Light"/>
          <w:sz w:val="24"/>
          <w:sz-cs w:val="24"/>
        </w:rPr>
        <w:t xml:space="preserve">and finally you wake up and they are not here. Phew. They are not here.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hen you got your rifle, or when you got your 45?\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When I got the 45. The rifle did not turn me on because they did not carry rifles, </w:t>
      </w:r>
    </w:p>
    <w:p>
      <w:pPr/>
      <w:r>
        <w:rPr>
          <w:rFonts w:ascii="Helvetica Light" w:hAnsi="Helvetica Light" w:cs="Helvetica Light"/>
          <w:sz w:val="24"/>
          <w:sz-cs w:val="24"/>
        </w:rPr>
        <w:t xml:space="preserve">but the pistol.\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t was the pistol that was significan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nd then you were trying to get the pistol in your drea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o get the pistol and get even with the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you reach the pistol in the drea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never reached the pistol.\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t was trying to get i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Never. I was always trying so hard. So terribly hard to get it, and I never got </w:t>
      </w:r>
    </w:p>
    <w:p>
      <w:pPr/>
      <w:r>
        <w:rPr>
          <w:rFonts w:ascii="Helvetica Light" w:hAnsi="Helvetica Light" w:cs="Helvetica Light"/>
          <w:sz w:val="24"/>
          <w:sz-cs w:val="24"/>
        </w:rPr>
        <w:t xml:space="preserve">to it. I never had a chance or did kill anybody in my drea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as there anything in particular that happened around the time that these dreams </w:t>
      </w:r>
    </w:p>
    <w:p>
      <w:pPr/>
      <w:r>
        <w:rPr>
          <w:rFonts w:ascii="Helvetica Light" w:hAnsi="Helvetica Light" w:cs="Helvetica Light"/>
          <w:sz w:val="24"/>
          <w:sz-cs w:val="24"/>
        </w:rPr>
        <w:t xml:space="preserve">stopped, as you recall, or did they just en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Perhaps. No. I think I loosened up a little bit, mentally, I think. I started having </w:t>
      </w:r>
    </w:p>
    <w:p>
      <w:pPr/>
      <w:r>
        <w:rPr>
          <w:rFonts w:ascii="Helvetica Light" w:hAnsi="Helvetica Light" w:cs="Helvetica Light"/>
          <w:sz w:val="24"/>
          <w:sz-cs w:val="24"/>
        </w:rPr>
        <w:t xml:space="preserve">more fun and found out more about women. And I think it partially moved everything out of my </w:t>
      </w:r>
    </w:p>
    <w:p>
      <w:pPr/>
      <w:r>
        <w:rPr>
          <w:rFonts w:ascii="Helvetica Light" w:hAnsi="Helvetica Light" w:cs="Helvetica Light"/>
          <w:sz w:val="24"/>
          <w:sz-cs w:val="24"/>
        </w:rPr>
        <w:t xml:space="preserve">old mind and replaced it with new.\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page </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sect \sectd \sbknone\headery288\footery1323 </w:t>
      </w:r>
    </w:p>
    <w:p>
      <w:pPr/>
      <w:r>
        <w:rPr>
          <w:rFonts w:ascii="Helvetica Light" w:hAnsi="Helvetica Light" w:cs="Helvetica Light"/>
          <w:sz w:val="24"/>
          <w:sz-cs w:val="24"/>
        </w:rPr>
        <w:t xml:space="preserve">{\header \pard \qr\sl0 </w:t>
      </w:r>
    </w:p>
    <w:p>
      <w:pPr/>
      <w:r>
        <w:rPr>
          <w:rFonts w:ascii="Helvetica Light" w:hAnsi="Helvetica Light" w:cs="Helvetica Light"/>
          <w:sz w:val="24"/>
          <w:sz-cs w:val="24"/>
        </w:rPr>
        <w:t xml:space="preserve">{\plain }{\plain \i MARIAN TURZANSKI [5-1-\chpgn ]\par }}</w:t>
      </w:r>
    </w:p>
    <w:p>
      <w:pPr/>
      <w:r>
        <w:rPr>
          <w:rFonts w:ascii="Helvetica Light" w:hAnsi="Helvetica Light" w:cs="Helvetica Light"/>
          <w:sz w:val="24"/>
          <w:sz-cs w:val="24"/>
        </w:rPr>
        <w:t xml:space="preserve">{\footer \pard \sl261\tx-156\tx0\tx0\tx720\tx1440\tx2160\tx2880\tx3600\tx4320\tx5040\tx5760\tx6480\tx7200\tx7920\tx8640\tx9360 </w:t>
      </w:r>
    </w:p>
    <w:p>
      <w:pPr/>
      <w:r>
        <w:rPr>
          <w:rFonts w:ascii="Helvetica Light" w:hAnsi="Helvetica Light" w:cs="Helvetica Light"/>
          <w:sz w:val="24"/>
          <w:sz-cs w:val="24"/>
        </w:rPr>
        <w:t xml:space="preserve">{\plain \*\cs1 }{\plain \*\cs1\i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sl393\tx0\tx0\tx720\tx1440\tx2160\tx2880\tx3600\tx4320\tx5040\tx5760\tx6480\tx7200\tx7920\tx8640\tx9360 </w:t>
      </w:r>
    </w:p>
    <w:p>
      <w:pPr/>
      <w:r>
        <w:rPr>
          <w:rFonts w:ascii="Helvetica Light" w:hAnsi="Helvetica Light" w:cs="Helvetica Light"/>
          <w:sz w:val="24"/>
          <w:sz-cs w:val="24"/>
        </w:rPr>
        <w:t xml:space="preserve">{\plain }{\plain \i Tape five, side on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said that you loosened up, you were able then to become involved with </w:t>
      </w:r>
    </w:p>
    <w:p>
      <w:pPr/>
      <w:r>
        <w:rPr>
          <w:rFonts w:ascii="Helvetica Light" w:hAnsi="Helvetica Light" w:cs="Helvetica Light"/>
          <w:sz w:val="24"/>
          <w:sz-cs w:val="24"/>
        </w:rPr>
        <w:t xml:space="preserve">wome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n I started to become a human again. I started having human feelings. I wasn\'92t </w:t>
      </w:r>
    </w:p>
    <w:p>
      <w:pPr/>
      <w:r>
        <w:rPr>
          <w:rFonts w:ascii="Helvetica Light" w:hAnsi="Helvetica Light" w:cs="Helvetica Light"/>
          <w:sz w:val="24"/>
          <w:sz-cs w:val="24"/>
        </w:rPr>
        <w:t xml:space="preserve">afraid to-- I was shy prior to that. Tremendously shy. I never had a chance to play my role as a </w:t>
      </w:r>
    </w:p>
    <w:p>
      <w:pPr/>
      <w:r>
        <w:rPr>
          <w:rFonts w:ascii="Helvetica Light" w:hAnsi="Helvetica Light" w:cs="Helvetica Light"/>
          <w:sz w:val="24"/>
          <w:sz-cs w:val="24"/>
        </w:rPr>
        <w:t xml:space="preserve">growing up boy. For some reason, perhaps, because I thought I was a woman, I didn\'92t feel right </w:t>
      </w:r>
    </w:p>
    <w:p>
      <w:pPr/>
      <w:r>
        <w:rPr>
          <w:rFonts w:ascii="Helvetica Light" w:hAnsi="Helvetica Light" w:cs="Helvetica Light"/>
          <w:sz w:val="24"/>
          <w:sz-cs w:val="24"/>
        </w:rPr>
        <w:t xml:space="preserve">in any kind of situation, so if a girl would talk to me I would blush immediately and I would get so </w:t>
      </w:r>
    </w:p>
    <w:p>
      <w:pPr/>
      <w:r>
        <w:rPr>
          <w:rFonts w:ascii="Helvetica Light" w:hAnsi="Helvetica Light" w:cs="Helvetica Light"/>
          <w:sz w:val="24"/>
          <w:sz-cs w:val="24"/>
        </w:rPr>
        <w:t xml:space="preserve">red in the face; I wished I would die right ther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are talking about when you were here already you still had some of those </w:t>
      </w:r>
    </w:p>
    <w:p>
      <w:pPr/>
      <w:r>
        <w:rPr>
          <w:rFonts w:ascii="Helvetica Light" w:hAnsi="Helvetica Light" w:cs="Helvetica Light"/>
          <w:sz w:val="24"/>
          <w:sz-cs w:val="24"/>
        </w:rPr>
        <w:t xml:space="preserve">feelings that you did when you were working in the woman\'92s side of the camp?\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think that that perhaps had an effect on me. I was just trying to see why I was </w:t>
      </w:r>
    </w:p>
    <w:p>
      <w:pPr/>
      <w:r>
        <w:rPr>
          <w:rFonts w:ascii="Helvetica Light" w:hAnsi="Helvetica Light" w:cs="Helvetica Light"/>
          <w:sz w:val="24"/>
          <w:sz-cs w:val="24"/>
        </w:rPr>
        <w:t xml:space="preserve">that way, because I was tremendously shy. My brother wasn\'92t like that. I was tremendously shy. I </w:t>
      </w:r>
    </w:p>
    <w:p>
      <w:pPr/>
      <w:r>
        <w:rPr>
          <w:rFonts w:ascii="Helvetica Light" w:hAnsi="Helvetica Light" w:cs="Helvetica Light"/>
          <w:sz w:val="24"/>
          <w:sz-cs w:val="24"/>
        </w:rPr>
        <w:t xml:space="preserve">could not talk to a girl without completely falling apart. Completely. I didn\'92t want even to get a </w:t>
      </w:r>
    </w:p>
    <w:p>
      <w:pPr/>
      <w:r>
        <w:rPr>
          <w:rFonts w:ascii="Helvetica Light" w:hAnsi="Helvetica Light" w:cs="Helvetica Light"/>
          <w:sz w:val="24"/>
          <w:sz-cs w:val="24"/>
        </w:rPr>
        <w:t xml:space="preserve">job where girls were working because I couldn\'92t handle it. It was very-- I took shorthand in high </w:t>
      </w:r>
    </w:p>
    <w:p>
      <w:pPr/>
      <w:r>
        <w:rPr>
          <w:rFonts w:ascii="Helvetica Light" w:hAnsi="Helvetica Light" w:cs="Helvetica Light"/>
          <w:sz w:val="24"/>
          <w:sz-cs w:val="24"/>
        </w:rPr>
        <w:t xml:space="preserve">school in Williamsport, and I had to drop it because all the girls were in the clas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were in high school?\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n high school. When I came here I was 16.\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So you were in Williamsport, Pennsylvania?\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that\'92s where my parents ar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nd that\'92s when you were put really for the first time in a typical adolescent </w:t>
      </w:r>
    </w:p>
    <w:p>
      <w:pPr/>
      <w:r>
        <w:rPr>
          <w:rFonts w:ascii="Helvetica Light" w:hAnsi="Helvetica Light" w:cs="Helvetica Light"/>
          <w:sz w:val="24"/>
          <w:sz-cs w:val="24"/>
        </w:rPr>
        <w:t xml:space="preserve">atmospher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Exactly. I never went to our high school prom; I didn\'92t want to ask a girl and the </w:t>
      </w:r>
    </w:p>
    <w:p>
      <w:pPr/>
      <w:r>
        <w:rPr>
          <w:rFonts w:ascii="Helvetica Light" w:hAnsi="Helvetica Light" w:cs="Helvetica Light"/>
          <w:sz w:val="24"/>
          <w:sz-cs w:val="24"/>
        </w:rPr>
        <w:t xml:space="preserve">girls would ask me and I just couldn\'92t do i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t was not until you were out of the service, after high school?\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after the service then I started learning something about myself. It was, I </w:t>
      </w:r>
    </w:p>
    <w:p>
      <w:pPr/>
      <w:r>
        <w:rPr>
          <w:rFonts w:ascii="Helvetica Light" w:hAnsi="Helvetica Light" w:cs="Helvetica Light"/>
          <w:sz w:val="24"/>
          <w:sz-cs w:val="24"/>
        </w:rPr>
        <w:t xml:space="preserve">think, the service probably that did open up my mind. I had exposure to the weapons and </w:t>
      </w:r>
    </w:p>
    <w:p>
      <w:pPr/>
      <w:r>
        <w:rPr>
          <w:rFonts w:ascii="Helvetica Light" w:hAnsi="Helvetica Light" w:cs="Helvetica Light"/>
          <w:sz w:val="24"/>
          <w:sz-cs w:val="24"/>
        </w:rPr>
        <w:t xml:space="preserve">everything and started even hating that part of the life, perhaps, weapons, in the service because I </w:t>
      </w:r>
    </w:p>
    <w:p>
      <w:pPr/>
      <w:r>
        <w:rPr>
          <w:rFonts w:ascii="Helvetica Light" w:hAnsi="Helvetica Light" w:cs="Helvetica Light"/>
          <w:sz w:val="24"/>
          <w:sz-cs w:val="24"/>
        </w:rPr>
        <w:t xml:space="preserve">had so much of it in the servic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92m sorry, instead of hat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n I perhaps started to hate some of it, I mean, the weapons itself, but, </w:t>
      </w:r>
    </w:p>
    <w:p>
      <w:pPr/>
      <w:r>
        <w:rPr>
          <w:rFonts w:ascii="Helvetica Light" w:hAnsi="Helvetica Light" w:cs="Helvetica Light"/>
          <w:sz w:val="24"/>
          <w:sz-cs w:val="24"/>
        </w:rPr>
        <w:t xml:space="preserve">nevertheless, when I did come home I did reach that point where I bought myself a pistol to fulfill </w:t>
      </w:r>
    </w:p>
    <w:p>
      <w:pPr/>
      <w:r>
        <w:rPr>
          <w:rFonts w:ascii="Helvetica Light" w:hAnsi="Helvetica Light" w:cs="Helvetica Light"/>
          <w:sz w:val="24"/>
          <w:sz-cs w:val="24"/>
        </w:rPr>
        <w:t xml:space="preserve">my need, and it did. It fulfilled my need very quickl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you enlist in the service after high school? Was that something you wanted to </w:t>
      </w:r>
    </w:p>
    <w:p>
      <w:pPr/>
      <w:r>
        <w:rPr>
          <w:rFonts w:ascii="Helvetica Light" w:hAnsi="Helvetica Light" w:cs="Helvetica Light"/>
          <w:sz w:val="24"/>
          <w:sz-cs w:val="24"/>
        </w:rPr>
        <w:t xml:space="preserve">d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joke around that there were 20 volunteers that left my neighborhood that </w:t>
      </w:r>
    </w:p>
    <w:p>
      <w:pPr/>
      <w:r>
        <w:rPr>
          <w:rFonts w:ascii="Helvetica Light" w:hAnsi="Helvetica Light" w:cs="Helvetica Light"/>
          <w:sz w:val="24"/>
          <w:sz-cs w:val="24"/>
        </w:rPr>
        <w:t xml:space="preserve">morning. There was I and 20 MP\'92s. No, I did enlist. And, I had a weird experience in the military. </w:t>
      </w:r>
    </w:p>
    <w:p>
      <w:pPr/>
      <w:r>
        <w:rPr>
          <w:rFonts w:ascii="Helvetica Light" w:hAnsi="Helvetica Light" w:cs="Helvetica Light"/>
          <w:sz w:val="24"/>
          <w:sz-cs w:val="24"/>
        </w:rPr>
        <w:t xml:space="preserve">There was one German fellow straight from Germany. Couldn\'92t speak English too well yet. He </w:t>
      </w:r>
    </w:p>
    <w:p>
      <w:pPr/>
      <w:r>
        <w:rPr>
          <w:rFonts w:ascii="Helvetica Light" w:hAnsi="Helvetica Light" w:cs="Helvetica Light"/>
          <w:sz w:val="24"/>
          <w:sz-cs w:val="24"/>
        </w:rPr>
        <w:t xml:space="preserve">was in my company, and on the maneuvers, he happened to be in back of me and I ordered him in </w:t>
      </w:r>
    </w:p>
    <w:p>
      <w:pPr/>
      <w:r>
        <w:rPr>
          <w:rFonts w:ascii="Helvetica Light" w:hAnsi="Helvetica Light" w:cs="Helvetica Light"/>
          <w:sz w:val="24"/>
          <w:sz-cs w:val="24"/>
        </w:rPr>
        <w:t xml:space="preserve">front of me and I said, "You  will never again be in back of me with a weapon." And I felt very </w:t>
      </w:r>
    </w:p>
    <w:p>
      <w:pPr/>
      <w:r>
        <w:rPr>
          <w:rFonts w:ascii="Helvetica Light" w:hAnsi="Helvetica Light" w:cs="Helvetica Light"/>
          <w:sz w:val="24"/>
          <w:sz-cs w:val="24"/>
        </w:rPr>
        <w:t xml:space="preserve">bad about that. He never asked for an explanation, but I did reflect on that many times later on </w:t>
      </w:r>
    </w:p>
    <w:p>
      <w:pPr/>
      <w:r>
        <w:rPr>
          <w:rFonts w:ascii="Helvetica Light" w:hAnsi="Helvetica Light" w:cs="Helvetica Light"/>
          <w:sz w:val="24"/>
          <w:sz-cs w:val="24"/>
        </w:rPr>
        <w:t xml:space="preserve">and said to myself, "Why did you do that?" Because, I guess, I couldn\'92t control it. I couldn\'92t </w:t>
      </w:r>
    </w:p>
    <w:p>
      <w:pPr/>
      <w:r>
        <w:rPr>
          <w:rFonts w:ascii="Helvetica Light" w:hAnsi="Helvetica Light" w:cs="Helvetica Light"/>
          <w:sz w:val="24"/>
          <w:sz-cs w:val="24"/>
        </w:rPr>
        <w:t xml:space="preserve">stand a German right in back of me with a weapon. Yet here I was in the American arm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But you still were fighting old battl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also told them later on that I was sorry for that but don\'92t ever send me to </w:t>
      </w:r>
    </w:p>
    <w:p>
      <w:pPr/>
      <w:r>
        <w:rPr>
          <w:rFonts w:ascii="Helvetica Light" w:hAnsi="Helvetica Light" w:cs="Helvetica Light"/>
          <w:sz w:val="24"/>
          <w:sz-cs w:val="24"/>
        </w:rPr>
        <w:t xml:space="preserve">Germany. Send me any place in the world as a soldier. Don\'92t send me to Germany, because I will </w:t>
      </w:r>
    </w:p>
    <w:p>
      <w:pPr/>
      <w:r>
        <w:rPr>
          <w:rFonts w:ascii="Helvetica Light" w:hAnsi="Helvetica Light" w:cs="Helvetica Light"/>
          <w:sz w:val="24"/>
          <w:sz-cs w:val="24"/>
        </w:rPr>
        <w:t xml:space="preserve">not be able to control myself. You don\'92t want to do that and I don\'92t want to do that. Later on I </w:t>
      </w:r>
    </w:p>
    <w:p>
      <w:pPr/>
      <w:r>
        <w:rPr>
          <w:rFonts w:ascii="Helvetica Light" w:hAnsi="Helvetica Light" w:cs="Helvetica Light"/>
          <w:sz w:val="24"/>
          <w:sz-cs w:val="24"/>
        </w:rPr>
        <w:t xml:space="preserve">got sick and tired of stateside duties, being in the States. Everybody was going all over the world </w:t>
      </w:r>
    </w:p>
    <w:p>
      <w:pPr/>
      <w:r>
        <w:rPr>
          <w:rFonts w:ascii="Helvetica Light" w:hAnsi="Helvetica Light" w:cs="Helvetica Light"/>
          <w:sz w:val="24"/>
          <w:sz-cs w:val="24"/>
        </w:rPr>
        <w:t xml:space="preserve">and here I am. I asked to be sent to Germany, but they would not do it. So finally I pressed for it, </w:t>
      </w:r>
    </w:p>
    <w:p>
      <w:pPr/>
      <w:r>
        <w:rPr>
          <w:rFonts w:ascii="Helvetica Light" w:hAnsi="Helvetica Light" w:cs="Helvetica Light"/>
          <w:sz w:val="24"/>
          <w:sz-cs w:val="24"/>
        </w:rPr>
        <w:t xml:space="preserve">pressed for it. They took out my papers. They read a little statement. "Turzanski, this is what you </w:t>
      </w:r>
    </w:p>
    <w:p>
      <w:pPr/>
      <w:r>
        <w:rPr>
          <w:rFonts w:ascii="Helvetica Light" w:hAnsi="Helvetica Light" w:cs="Helvetica Light"/>
          <w:sz w:val="24"/>
          <w:sz-cs w:val="24"/>
        </w:rPr>
        <w:t xml:space="preserve">said," so I was never sent out, and I\'92m glad I wasn\'92t because I would have probably done </w:t>
      </w:r>
    </w:p>
    <w:p>
      <w:pPr/>
      <w:r>
        <w:rPr>
          <w:rFonts w:ascii="Helvetica Light" w:hAnsi="Helvetica Light" w:cs="Helvetica Light"/>
          <w:sz w:val="24"/>
          <w:sz-cs w:val="24"/>
        </w:rPr>
        <w:t xml:space="preserve">something that I shouldn\'92t have. Try to as an adult to undo something that I shouldn\'92t try to </w:t>
      </w:r>
    </w:p>
    <w:p>
      <w:pPr/>
      <w:r>
        <w:rPr>
          <w:rFonts w:ascii="Helvetica Light" w:hAnsi="Helvetica Light" w:cs="Helvetica Light"/>
          <w:sz w:val="24"/>
          <w:sz-cs w:val="24"/>
        </w:rPr>
        <w:t xml:space="preserve">undo, because people that I would do to would be the people who actually had nothing to do with </w:t>
      </w:r>
    </w:p>
    <w:p>
      <w:pPr/>
      <w:r>
        <w:rPr>
          <w:rFonts w:ascii="Helvetica Light" w:hAnsi="Helvetica Light" w:cs="Helvetica Light"/>
          <w:sz w:val="24"/>
          <w:sz-cs w:val="24"/>
        </w:rPr>
        <w:t xml:space="preserve">i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s there anything else that you want to ad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 only thing that I would like to add is that hatred is the worst thing in our lives. </w:t>
      </w:r>
    </w:p>
    <w:p>
      <w:pPr/>
      <w:r>
        <w:rPr>
          <w:rFonts w:ascii="Helvetica Light" w:hAnsi="Helvetica Light" w:cs="Helvetica Light"/>
          <w:sz w:val="24"/>
          <w:sz-cs w:val="24"/>
        </w:rPr>
        <w:t xml:space="preserve">Hatred should never be put into children\'92s minds because it will destroy, even when it comes to </w:t>
      </w:r>
    </w:p>
    <w:p>
      <w:pPr/>
      <w:r>
        <w:rPr>
          <w:rFonts w:ascii="Helvetica Light" w:hAnsi="Helvetica Light" w:cs="Helvetica Light"/>
          <w:sz w:val="24"/>
          <w:sz-cs w:val="24"/>
        </w:rPr>
        <w:t xml:space="preserve">the enemy. They should be taught about the enemy, but not actually how to hate them, only what </w:t>
      </w:r>
    </w:p>
    <w:p>
      <w:pPr/>
      <w:r>
        <w:rPr>
          <w:rFonts w:ascii="Helvetica Light" w:hAnsi="Helvetica Light" w:cs="Helvetica Light"/>
          <w:sz w:val="24"/>
          <w:sz-cs w:val="24"/>
        </w:rPr>
        <w:t xml:space="preserve">he is. I feel quite comfortable with my parents and I still give them credit, more and more credit </w:t>
      </w:r>
    </w:p>
    <w:p>
      <w:pPr/>
      <w:r>
        <w:rPr>
          <w:rFonts w:ascii="Helvetica Light" w:hAnsi="Helvetica Light" w:cs="Helvetica Light"/>
          <w:sz w:val="24"/>
          <w:sz-cs w:val="24"/>
        </w:rPr>
        <w:t xml:space="preserve">each time I read something about psychology of the human behavior and so forth; how well they </w:t>
      </w:r>
    </w:p>
    <w:p>
      <w:pPr/>
      <w:r>
        <w:rPr>
          <w:rFonts w:ascii="Helvetica Light" w:hAnsi="Helvetica Light" w:cs="Helvetica Light"/>
          <w:sz w:val="24"/>
          <w:sz-cs w:val="24"/>
        </w:rPr>
        <w:t xml:space="preserve">handled that. They removed that hatred from us. I know what Ukrainians did to us. I know what </w:t>
      </w:r>
    </w:p>
    <w:p>
      <w:pPr/>
      <w:r>
        <w:rPr>
          <w:rFonts w:ascii="Helvetica Light" w:hAnsi="Helvetica Light" w:cs="Helvetica Light"/>
          <w:sz w:val="24"/>
          <w:sz-cs w:val="24"/>
        </w:rPr>
        <w:t xml:space="preserve">Germans did to us. But it happened at that time. It does not mean that all of them did that to me, </w:t>
      </w:r>
    </w:p>
    <w:p>
      <w:pPr/>
      <w:r>
        <w:rPr>
          <w:rFonts w:ascii="Helvetica Light" w:hAnsi="Helvetica Light" w:cs="Helvetica Light"/>
          <w:sz w:val="24"/>
          <w:sz-cs w:val="24"/>
        </w:rPr>
        <w:t xml:space="preserve">that all of them wanted to do it, etc. We made a pledge, all four of us, when we were liberated in </w:t>
      </w:r>
    </w:p>
    <w:p>
      <w:pPr/>
      <w:r>
        <w:rPr>
          <w:rFonts w:ascii="Helvetica Light" w:hAnsi="Helvetica Light" w:cs="Helvetica Light"/>
          <w:sz w:val="24"/>
          <w:sz-cs w:val="24"/>
        </w:rPr>
        <w:t xml:space="preserve">Neumark, that we will take 120 Ukrainian lives before we are dead, because we lost all our </w:t>
      </w:r>
    </w:p>
    <w:p>
      <w:pPr/>
      <w:r>
        <w:rPr>
          <w:rFonts w:ascii="Helvetica Light" w:hAnsi="Helvetica Light" w:cs="Helvetica Light"/>
          <w:sz w:val="24"/>
          <w:sz-cs w:val="24"/>
        </w:rPr>
        <w:t xml:space="preserve">famil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ll the rest of your famil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during the war. All the cousins-- all wiped out. We don\'92t have anybod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se were people who stayed in Polan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yes. And they were executed: one, because he was suspected to be an </w:t>
      </w:r>
    </w:p>
    <w:p>
      <w:pPr/>
      <w:r>
        <w:rPr>
          <w:rFonts w:ascii="Helvetica Light" w:hAnsi="Helvetica Light" w:cs="Helvetica Light"/>
          <w:sz w:val="24"/>
          <w:sz-cs w:val="24"/>
        </w:rPr>
        <w:t xml:space="preserve">underground soldier, young man, my cousin\'92s brother. She still cries about it. And they were also </w:t>
      </w:r>
    </w:p>
    <w:p>
      <w:pPr/>
      <w:r>
        <w:rPr>
          <w:rFonts w:ascii="Helvetica Light" w:hAnsi="Helvetica Light" w:cs="Helvetica Light"/>
          <w:sz w:val="24"/>
          <w:sz-cs w:val="24"/>
        </w:rPr>
        <w:t xml:space="preserve">talking about that she married a Jewish guy to save his life. She was Catholic and there was a lot </w:t>
      </w:r>
    </w:p>
    <w:p>
      <w:pPr/>
      <w:r>
        <w:rPr>
          <w:rFonts w:ascii="Helvetica Light" w:hAnsi="Helvetica Light" w:cs="Helvetica Light"/>
          <w:sz w:val="24"/>
          <w:sz-cs w:val="24"/>
        </w:rPr>
        <w:t xml:space="preserve">of it going on just like anyplace else when things were happening fast. I don\'92t believe the women </w:t>
      </w:r>
    </w:p>
    <w:p>
      <w:pPr/>
      <w:r>
        <w:rPr>
          <w:rFonts w:ascii="Helvetica Light" w:hAnsi="Helvetica Light" w:cs="Helvetica Light"/>
          <w:sz w:val="24"/>
          <w:sz-cs w:val="24"/>
        </w:rPr>
        <w:t xml:space="preserve">were taking advantage of the situation, but I think also that they felt that they could do something.\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knew of other cases like that, where Polish girls would marry Jewish men to </w:t>
      </w:r>
    </w:p>
    <w:p>
      <w:pPr/>
      <w:r>
        <w:rPr>
          <w:rFonts w:ascii="Helvetica Light" w:hAnsi="Helvetica Light" w:cs="Helvetica Light"/>
          <w:sz w:val="24"/>
          <w:sz-cs w:val="24"/>
        </w:rPr>
        <w:t xml:space="preserve">save the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to save them. Now, also...\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they stay marrie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this is very strong. It is unreal, what happens. When you make a bind like </w:t>
      </w:r>
    </w:p>
    <w:p>
      <w:pPr/>
      <w:r>
        <w:rPr>
          <w:rFonts w:ascii="Helvetica Light" w:hAnsi="Helvetica Light" w:cs="Helvetica Light"/>
          <w:sz w:val="24"/>
          <w:sz-cs w:val="24"/>
        </w:rPr>
        <w:t xml:space="preserve">that, when you sign a contract like that, a mental contract, I don\'92t think that there is much that </w:t>
      </w:r>
    </w:p>
    <w:p>
      <w:pPr/>
      <w:r>
        <w:rPr>
          <w:rFonts w:ascii="Helvetica Light" w:hAnsi="Helvetica Light" w:cs="Helvetica Light"/>
          <w:sz w:val="24"/>
          <w:sz-cs w:val="24"/>
        </w:rPr>
        <w:t xml:space="preserve">can break after tha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they stay living in Polan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Oh no. They are in New York, in a Jewish community, where they feel </w:t>
      </w:r>
    </w:p>
    <w:p>
      <w:pPr/>
      <w:r>
        <w:rPr>
          <w:rFonts w:ascii="Helvetica Light" w:hAnsi="Helvetica Light" w:cs="Helvetica Light"/>
          <w:sz w:val="24"/>
          <w:sz-cs w:val="24"/>
        </w:rPr>
        <w:t xml:space="preserve">comfortable.\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y live in a Jewish communit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she stay Catholic or did she conver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She didn\'92t stay much one way or the other because she probably didn\'92t care, but </w:t>
      </w:r>
    </w:p>
    <w:p>
      <w:pPr/>
      <w:r>
        <w:rPr>
          <w:rFonts w:ascii="Helvetica Light" w:hAnsi="Helvetica Light" w:cs="Helvetica Light"/>
          <w:sz w:val="24"/>
          <w:sz-cs w:val="24"/>
        </w:rPr>
        <w:t xml:space="preserve">her husband, a Jewish fellow she married, wanted to make sure that their daughter will be a </w:t>
      </w:r>
    </w:p>
    <w:p>
      <w:pPr/>
      <w:r>
        <w:rPr>
          <w:rFonts w:ascii="Helvetica Light" w:hAnsi="Helvetica Light" w:cs="Helvetica Light"/>
          <w:sz w:val="24"/>
          <w:sz-cs w:val="24"/>
        </w:rPr>
        <w:t xml:space="preserve">Catholic child. So, it is actually, that\'92s a big sacrifice for him.\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y have one child?\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Only one child. But it was, I think, because of the old man, Mr. [unclea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er fathe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His father. He wanted to make sure that he never leaves this woman, no matter </w:t>
      </w:r>
    </w:p>
    <w:p>
      <w:pPr/>
      <w:r>
        <w:rPr>
          <w:rFonts w:ascii="Helvetica Light" w:hAnsi="Helvetica Light" w:cs="Helvetica Light"/>
          <w:sz w:val="24"/>
          <w:sz-cs w:val="24"/>
        </w:rPr>
        <w:t xml:space="preserve">what, even if she loses her mind or whatever, because what she had done for us, for them, and </w:t>
      </w:r>
    </w:p>
    <w:p>
      <w:pPr/>
      <w:r>
        <w:rPr>
          <w:rFonts w:ascii="Helvetica Light" w:hAnsi="Helvetica Light" w:cs="Helvetica Light"/>
          <w:sz w:val="24"/>
          <w:sz-cs w:val="24"/>
        </w:rPr>
        <w:t xml:space="preserve">make sure that her child will be protected if he dies later on. Tremendous individual.\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is father told him to raise his child as a Catholic?\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And his fathe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As a way of thanking her for her sacrific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t is sad, you know, when you really think about it, from a human point of view. </w:t>
      </w:r>
    </w:p>
    <w:p>
      <w:pPr/>
      <w:r>
        <w:rPr>
          <w:rFonts w:ascii="Helvetica Light" w:hAnsi="Helvetica Light" w:cs="Helvetica Light"/>
          <w:sz w:val="24"/>
          <w:sz-cs w:val="24"/>
        </w:rPr>
        <w:t xml:space="preserve">Those are tremendous sacrifices that one does to pay-- you don\'92t pay-- to thank, and I don\'92t even </w:t>
      </w:r>
    </w:p>
    <w:p>
      <w:pPr/>
      <w:r>
        <w:rPr>
          <w:rFonts w:ascii="Helvetica Light" w:hAnsi="Helvetica Light" w:cs="Helvetica Light"/>
          <w:sz w:val="24"/>
          <w:sz-cs w:val="24"/>
        </w:rPr>
        <w:t xml:space="preserve">know if thank is the word. \'91Cause she wanted a man and she had a man, but I think it\'92s that other </w:t>
      </w:r>
    </w:p>
    <w:p>
      <w:pPr/>
      <w:r>
        <w:rPr>
          <w:rFonts w:ascii="Helvetica Light" w:hAnsi="Helvetica Light" w:cs="Helvetica Light"/>
          <w:sz w:val="24"/>
          <w:sz-cs w:val="24"/>
        </w:rPr>
        <w:t xml:space="preserve">side, his side, that he feels that he should do something, which is another part of being human.  </w:t>
      </w:r>
    </w:p>
    <w:p>
      <w:pPr/>
      <w:r>
        <w:rPr>
          <w:rFonts w:ascii="Helvetica Light" w:hAnsi="Helvetica Light" w:cs="Helvetica Light"/>
          <w:sz w:val="24"/>
          <w:sz-cs w:val="24"/>
        </w:rPr>
        <w:t xml:space="preserve">Now, what really hurts individual like I-- I went through rough things in my life and enjoyed some </w:t>
      </w:r>
    </w:p>
    <w:p>
      <w:pPr/>
      <w:r>
        <w:rPr>
          <w:rFonts w:ascii="Helvetica Light" w:hAnsi="Helvetica Light" w:cs="Helvetica Light"/>
          <w:sz w:val="24"/>
          <w:sz-cs w:val="24"/>
        </w:rPr>
        <w:t xml:space="preserve">good times here-- is what I read about Polish behavior in Second World War, where we are worse </w:t>
      </w:r>
    </w:p>
    <w:p>
      <w:pPr/>
      <w:r>
        <w:rPr>
          <w:rFonts w:ascii="Helvetica Light" w:hAnsi="Helvetica Light" w:cs="Helvetica Light"/>
          <w:sz w:val="24"/>
          <w:sz-cs w:val="24"/>
        </w:rPr>
        <w:t xml:space="preserve">than Hitler is, in the eyes of the Jewish community, at least I was told that, and there must be </w:t>
      </w:r>
    </w:p>
    <w:p>
      <w:pPr/>
      <w:r>
        <w:rPr>
          <w:rFonts w:ascii="Helvetica Light" w:hAnsi="Helvetica Light" w:cs="Helvetica Light"/>
          <w:sz w:val="24"/>
          <w:sz-cs w:val="24"/>
        </w:rPr>
        <w:t xml:space="preserve">reasons for it. But then I also did the same thing as you do. I also want to reach in and look for </w:t>
      </w:r>
    </w:p>
    <w:p>
      <w:pPr/>
      <w:r>
        <w:rPr>
          <w:rFonts w:ascii="Helvetica Light" w:hAnsi="Helvetica Light" w:cs="Helvetica Light"/>
          <w:sz w:val="24"/>
          <w:sz-cs w:val="24"/>
        </w:rPr>
        <w:t xml:space="preserve">answers, because I don\'92t want to build on old tradition. I want to build on something I have here. </w:t>
      </w:r>
    </w:p>
    <w:p>
      <w:pPr/>
      <w:r>
        <w:rPr>
          <w:rFonts w:ascii="Helvetica Light" w:hAnsi="Helvetica Light" w:cs="Helvetica Light"/>
          <w:sz w:val="24"/>
          <w:sz-cs w:val="24"/>
        </w:rPr>
        <w:t xml:space="preserve">And I had a map that I thought I could find and bring it in here of Poland during the Second </w:t>
      </w:r>
    </w:p>
    <w:p>
      <w:pPr/>
      <w:r>
        <w:rPr>
          <w:rFonts w:ascii="Helvetica Light" w:hAnsi="Helvetica Light" w:cs="Helvetica Light"/>
          <w:sz w:val="24"/>
          <w:sz-cs w:val="24"/>
        </w:rPr>
        <w:t xml:space="preserve">World War. It\'92s like a map of Pennsylvania. If you would take a pepper shaker and shake it over </w:t>
      </w:r>
    </w:p>
    <w:p>
      <w:pPr/>
      <w:r>
        <w:rPr>
          <w:rFonts w:ascii="Helvetica Light" w:hAnsi="Helvetica Light" w:cs="Helvetica Light"/>
          <w:sz w:val="24"/>
          <w:sz-cs w:val="24"/>
        </w:rPr>
        <w:t xml:space="preserve">the map, some places the more pepper would fall than others. The whole Poland was one </w:t>
      </w:r>
    </w:p>
    <w:p>
      <w:pPr/>
      <w:r>
        <w:rPr>
          <w:rFonts w:ascii="Helvetica Light" w:hAnsi="Helvetica Light" w:cs="Helvetica Light"/>
          <w:sz w:val="24"/>
          <w:sz-cs w:val="24"/>
        </w:rPr>
        <w:t xml:space="preserve">concentration country for Germany, and under each black spot on that map they tell you how </w:t>
      </w:r>
    </w:p>
    <w:p>
      <w:pPr/>
      <w:r>
        <w:rPr>
          <w:rFonts w:ascii="Helvetica Light" w:hAnsi="Helvetica Light" w:cs="Helvetica Light"/>
          <w:sz w:val="24"/>
          <w:sz-cs w:val="24"/>
        </w:rPr>
        <w:t xml:space="preserve">many people were murdered, murdered, murdered. And then they show bigger spots, and the </w:t>
      </w:r>
    </w:p>
    <w:p>
      <w:pPr/>
      <w:r>
        <w:rPr>
          <w:rFonts w:ascii="Helvetica Light" w:hAnsi="Helvetica Light" w:cs="Helvetica Light"/>
          <w:sz w:val="24"/>
          <w:sz-cs w:val="24"/>
        </w:rPr>
        <w:t xml:space="preserve">chimneys where they formed the camps, and how many died there. The whole country was totally </w:t>
      </w:r>
    </w:p>
    <w:p>
      <w:pPr/>
      <w:r>
        <w:rPr>
          <w:rFonts w:ascii="Helvetica Light" w:hAnsi="Helvetica Light" w:cs="Helvetica Light"/>
          <w:sz w:val="24"/>
          <w:sz-cs w:val="24"/>
        </w:rPr>
        <w:t xml:space="preserve">taken over, terrorized, dehumanized and everything. Minorities were given big roles, and also the </w:t>
      </w:r>
    </w:p>
    <w:p>
      <w:pPr/>
      <w:r>
        <w:rPr>
          <w:rFonts w:ascii="Helvetica Light" w:hAnsi="Helvetica Light" w:cs="Helvetica Light"/>
          <w:sz w:val="24"/>
          <w:sz-cs w:val="24"/>
        </w:rPr>
        <w:t xml:space="preserve">criminal element was given big roles. But I am not a historian, but I just know what I went </w:t>
      </w:r>
    </w:p>
    <w:p>
      <w:pPr/>
      <w:r>
        <w:rPr>
          <w:rFonts w:ascii="Helvetica Light" w:hAnsi="Helvetica Light" w:cs="Helvetica Light"/>
          <w:sz w:val="24"/>
          <w:sz-cs w:val="24"/>
        </w:rPr>
        <w:t xml:space="preserve">through and it\'92s tough. But, of course, it\'92s always tough if it\'92s sad about you. That, again, is </w:t>
      </w:r>
    </w:p>
    <w:p>
      <w:pPr/>
      <w:r>
        <w:rPr>
          <w:rFonts w:ascii="Helvetica Light" w:hAnsi="Helvetica Light" w:cs="Helvetica Light"/>
          <w:sz w:val="24"/>
          <w:sz-cs w:val="24"/>
        </w:rPr>
        <w:t xml:space="preserve">huma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tab I want to thank you for the opportunity to talk to you. By doing this, I think I\'92ll be </w:t>
      </w:r>
    </w:p>
    <w:p>
      <w:pPr/>
      <w:r>
        <w:rPr>
          <w:rFonts w:ascii="Helvetica Light" w:hAnsi="Helvetica Light" w:cs="Helvetica Light"/>
          <w:sz w:val="24"/>
          <w:sz-cs w:val="24"/>
        </w:rPr>
        <w:t xml:space="preserve">a better person. I hope I can sleep better, and this is selfish of me and I hope I\'92ll free myself to </w:t>
      </w:r>
    </w:p>
    <w:p>
      <w:pPr/>
      <w:r>
        <w:rPr>
          <w:rFonts w:ascii="Helvetica Light" w:hAnsi="Helvetica Light" w:cs="Helvetica Light"/>
          <w:sz w:val="24"/>
          <w:sz-cs w:val="24"/>
        </w:rPr>
        <w:t xml:space="preserve">become one of you, to freely think and act as one should in the proper manner in a given situation. </w:t>
      </w:r>
    </w:p>
    <w:p>
      <w:pPr/>
      <w:r>
        <w:rPr>
          <w:rFonts w:ascii="Helvetica Light" w:hAnsi="Helvetica Light" w:cs="Helvetica Light"/>
          <w:sz w:val="24"/>
          <w:sz-cs w:val="24"/>
        </w:rPr>
        <w:t xml:space="preserve">Sometimes I feel I am lacking a whole lot to reach the level of the free society. Thank God for a </w:t>
      </w:r>
    </w:p>
    <w:p>
      <w:pPr/>
      <w:r>
        <w:rPr>
          <w:rFonts w:ascii="Helvetica Light" w:hAnsi="Helvetica Light" w:cs="Helvetica Light"/>
          <w:sz w:val="24"/>
          <w:sz-cs w:val="24"/>
        </w:rPr>
        <w:t xml:space="preserve">free society and let\'92s hope, pray and hope this will never, never occur again, because if it happens </w:t>
      </w:r>
    </w:p>
    <w:p>
      <w:pPr/>
      <w:r>
        <w:rPr>
          <w:rFonts w:ascii="Helvetica Light" w:hAnsi="Helvetica Light" w:cs="Helvetica Light"/>
          <w:sz w:val="24"/>
          <w:sz-cs w:val="24"/>
        </w:rPr>
        <w:t xml:space="preserve">in midst of your own, people that you know, people you had contact with, people you touched, </w:t>
      </w:r>
    </w:p>
    <w:p>
      <w:pPr/>
      <w:r>
        <w:rPr>
          <w:rFonts w:ascii="Helvetica Light" w:hAnsi="Helvetica Light" w:cs="Helvetica Light"/>
          <w:sz w:val="24"/>
          <w:sz-cs w:val="24"/>
        </w:rPr>
        <w:t xml:space="preserve">you talked to, it\'92s very hard to remove from your memory, from your mind, but, yet, as a human, </w:t>
      </w:r>
    </w:p>
    <w:p>
      <w:pPr/>
      <w:r>
        <w:rPr>
          <w:rFonts w:ascii="Helvetica Light" w:hAnsi="Helvetica Light" w:cs="Helvetica Light"/>
          <w:sz w:val="24"/>
          <w:sz-cs w:val="24"/>
        </w:rPr>
        <w:t xml:space="preserve">intelligent human, you don\'92t want to spread a disease of hatred. That makes it much tougher to </w:t>
      </w:r>
    </w:p>
    <w:p>
      <w:pPr/>
      <w:r>
        <w:rPr>
          <w:rFonts w:ascii="Helvetica Light" w:hAnsi="Helvetica Light" w:cs="Helvetica Light"/>
          <w:sz w:val="24"/>
          <w:sz-cs w:val="24"/>
        </w:rPr>
        <w:t xml:space="preserve">control that feeling.  I thank you.\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I cannot thank you enough, Mr. Turzanski.\par</w:t>
      </w:r>
    </w:p>
    <w:p>
      <w:pPr/>
      <w:r>
        <w:rPr>
          <w:rFonts w:ascii="Helvetica Light" w:hAnsi="Helvetica Light" w:cs="Helvetica Light"/>
          <w:sz w:val="24"/>
          <w:sz-cs w:val="24"/>
        </w:rPr>
        <w:t xml:space="preserve">}}{\rtf1\ansi \deflang1033\deff0{\fonttbl</w:t>
      </w:r>
    </w:p>
    <w:p>
      <w:pPr/>
      <w:r>
        <w:rPr>
          <w:rFonts w:ascii="Helvetica Light" w:hAnsi="Helvetica Light" w:cs="Helvetica Light"/>
          <w:sz w:val="24"/>
          <w:sz-cs w:val="24"/>
        </w:rPr>
        <w:t xml:space="preserve">{\f0\fnil \fcharset0 \fprq2 Times New Roman;}{\f1\fnil \fcharset0 \fprq2 Courier;}{\f2\fnil \fcharset0 \fprq2 Times;}}{\colortbl</w:t>
      </w:r>
    </w:p>
    <w:p>
      <w:pPr/>
      <w:r>
        <w:rPr>
          <w:rFonts w:ascii="Helvetica Light" w:hAnsi="Helvetica Light" w:cs="Helvetica Light"/>
          <w:sz w:val="24"/>
          <w:sz-cs w:val="24"/>
        </w:rPr>
        <w:t xml:space="preserve">\red0\green0\blue0;}</w:t>
      </w:r>
    </w:p>
    <w:p>
      <w:pPr/>
      <w:r>
        <w:rPr>
          <w:rFonts w:ascii="Helvetica Light" w:hAnsi="Helvetica Light" w:cs="Helvetica Light"/>
          <w:sz w:val="24"/>
          <w:sz-cs w:val="24"/>
        </w:rPr>
        <w:t xml:space="preserve">{\stylesheet{\fs20 \snext0 Normal;}</w:t>
      </w:r>
    </w:p>
    <w:p>
      <w:pPr/>
      <w:r>
        <w:rPr>
          <w:rFonts w:ascii="Helvetica Light" w:hAnsi="Helvetica Light" w:cs="Helvetica Light"/>
          <w:sz w:val="24"/>
          <w:sz-cs w:val="24"/>
        </w:rPr>
        <w:t xml:space="preserve">{\*\cs1 \additive Page Number ;}</w:t>
      </w:r>
    </w:p>
    <w:p>
      <w:pPr/>
      <w:r>
        <w:rPr>
          <w:rFonts w:ascii="Helvetica Light" w:hAnsi="Helvetica Light" w:cs="Helvetica Light"/>
          <w:sz w:val="24"/>
          <w:sz-cs w:val="24"/>
        </w:rPr>
        <w:t xml:space="preserve">{\s2 \sl0\tx0\tx0\tqc\tx4320\tqr\tx8640\tx9360 \*\cs1 Header ;}</w:t>
      </w:r>
    </w:p>
    <w:p>
      <w:pPr/>
      <w:r>
        <w:rPr>
          <w:rFonts w:ascii="Helvetica Light" w:hAnsi="Helvetica Light" w:cs="Helvetica Light"/>
          <w:sz w:val="24"/>
          <w:sz-cs w:val="24"/>
        </w:rPr>
        <w:t xml:space="preserve">{\*\cs3 \additive Footnote Ref;}</w:t>
      </w:r>
    </w:p>
    <w:p>
      <w:pPr/>
      <w:r>
        <w:rPr>
          <w:rFonts w:ascii="Helvetica Light" w:hAnsi="Helvetica Light" w:cs="Helvetica Light"/>
          <w:sz w:val="24"/>
          <w:sz-cs w:val="24"/>
        </w:rPr>
        <w:t xml:space="preserve">{\*\cs4 \additive Endnote Refe;}</w:t>
      </w:r>
    </w:p>
    <w:p>
      <w:pPr/>
      <w:r>
        <w:rPr>
          <w:rFonts w:ascii="Helvetica Light" w:hAnsi="Helvetica Light" w:cs="Helvetica Light"/>
          <w:sz w:val="24"/>
          <w:sz-cs w:val="24"/>
        </w:rPr>
        <w:t xml:space="preserve">{\s5 \sl0\tx0\tx0\tqc\tx4320\tqr\tx8640\tx9360 \f2 Footer ;}</w:t>
      </w:r>
    </w:p>
    <w:p>
      <w:pPr/>
      <w:r>
        <w:rPr>
          <w:rFonts w:ascii="Helvetica Light" w:hAnsi="Helvetica Light" w:cs="Helvetica Light"/>
          <w:sz w:val="24"/>
          <w:sz-cs w:val="24"/>
        </w:rPr>
        <w:t xml:space="preserve">{\*\cs6 \additive\f1\fs20 1 ;}</w:t>
      </w:r>
    </w:p>
    <w:p>
      <w:pPr/>
      <w:r>
        <w:rPr>
          <w:rFonts w:ascii="Helvetica Light" w:hAnsi="Helvetica Light" w:cs="Helvetica Light"/>
          <w:sz w:val="24"/>
          <w:sz-cs w:val="24"/>
        </w:rPr>
        <w:t xml:space="preserve">{\*\cs7 \additive 1;}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w:t>
      </w:r>
    </w:p>
    <w:p>
      <w:pPr/>
      <w:r>
        <w:rPr>
          <w:rFonts w:ascii="Helvetica Light" w:hAnsi="Helvetica Light" w:cs="Helvetica Light"/>
          <w:sz w:val="24"/>
          <w:sz-cs w:val="24"/>
        </w:rPr>
        <w:t xml:space="preserve">{\*\cs8 \additive Default Para;}</w:t>
      </w:r>
    </w:p>
    <w:p>
      <w:pPr/>
      <w:r>
        <w:rPr>
          <w:rFonts w:ascii="Helvetica Light" w:hAnsi="Helvetica Light" w:cs="Helvetica Light"/>
          <w:sz w:val="24"/>
          <w:sz-cs w:val="24"/>
        </w:rPr>
        <w:t xml:space="preserve">}{\info{\title KEY: JF - Josey Fisher}{\author Gratz College}}</w:t>
      </w:r>
    </w:p>
    <w:p>
      <w:pPr/>
      <w:r>
        <w:rPr>
          <w:rFonts w:ascii="Helvetica Light" w:hAnsi="Helvetica Light" w:cs="Helvetica Light"/>
          <w:sz w:val="24"/>
          <w:sz-cs w:val="24"/>
        </w:rPr>
        <w:t xml:space="preserve">\margl1440\margr1440\margt288\margb843\widowctrl\ftnbj\ftnrestart\aftnnar \sectd \sbknone\headery288\footery1323 </w:t>
      </w:r>
    </w:p>
    <w:p>
      <w:pPr/>
      <w:r>
        <w:rPr>
          <w:rFonts w:ascii="Helvetica Light" w:hAnsi="Helvetica Light" w:cs="Helvetica Light"/>
          <w:sz w:val="24"/>
          <w:sz-cs w:val="24"/>
        </w:rPr>
        <w:t xml:space="preserve">{\header \pard \qr\sl0\tx-360\tx0\tx360\tx1080\tx1800\tx2520\tx3240\tx3960\tx4680\tx5400\tx6120\tx6840\tx7560\tx8280\tx8640 </w:t>
      </w:r>
    </w:p>
    <w:p>
      <w:pPr/>
      <w:r>
        <w:rPr>
          <w:rFonts w:ascii="Helvetica Light" w:hAnsi="Helvetica Light" w:cs="Helvetica Light"/>
          <w:sz w:val="24"/>
          <w:sz-cs w:val="24"/>
        </w:rPr>
        <w:t xml:space="preserve">{\plain }{\plain \i MARIAN TURZANSKI [1-1-\chpgn ]}{\plain \i\fs20 \par }}</w:t>
      </w:r>
    </w:p>
    <w:p>
      <w:pPr/>
      <w:r>
        <w:rPr>
          <w:rFonts w:ascii="Helvetica Light" w:hAnsi="Helvetica Light" w:cs="Helvetica Light"/>
          <w:sz w:val="24"/>
          <w:sz-cs w:val="24"/>
        </w:rPr>
        <w:t xml:space="preserve">{\footer \pard \sl309\tx-516\tx-360\tx0\tx360\tx1080\tx1800\tx2520\tx3240\tx3960\tx4680\tx5400\tx6120\tx6840\tx7560\tx8280\tx8640 </w:t>
      </w:r>
    </w:p>
    <w:p>
      <w:pPr/>
      <w:r>
        <w:rPr>
          <w:rFonts w:ascii="Helvetica Light" w:hAnsi="Helvetica Light" w:cs="Helvetica Light"/>
          <w:sz w:val="24"/>
          <w:sz-cs w:val="24"/>
        </w:rPr>
        <w:t xml:space="preserve">{\plain \fs20 }{\plain \i\fs20 From the collection of the Gratz College Holocaust Oral History Archive\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sl395\tx0\tx0\tx720\tx1440\tx2160\tx2880\tx3600\tx4320\tx5040\tx5760\tx6480\tx7200\tx7920\tx8640\tx9360 </w:t>
      </w:r>
    </w:p>
    <w:p>
      <w:pPr/>
      <w:r>
        <w:rPr>
          <w:rFonts w:ascii="Helvetica Light" w:hAnsi="Helvetica Light" w:cs="Helvetica Light"/>
          <w:sz w:val="24"/>
          <w:sz-cs w:val="24"/>
        </w:rPr>
        <w:t xml:space="preserve">{\plain \tab \tab \tab \tab \tab \tab KEY:\tab JF - Josey Fisher [interviewer]\par</w:t>
      </w:r>
    </w:p>
    <w:p>
      <w:pPr/>
      <w:r>
        <w:rPr>
          <w:rFonts w:ascii="Helvetica Light" w:hAnsi="Helvetica Light" w:cs="Helvetica Light"/>
          <w:sz w:val="24"/>
          <w:sz-cs w:val="24"/>
        </w:rPr>
        <w:t xml:space="preserve">}{\plain \tab \tab \tab \tab \tab \tab \tab MT - Marian Turzanski [interviewee]\par</w:t>
      </w:r>
    </w:p>
    <w:p>
      <w:pPr/>
      <w:r>
        <w:rPr>
          <w:rFonts w:ascii="Helvetica Light" w:hAnsi="Helvetica Light" w:cs="Helvetica Light"/>
          <w:sz w:val="24"/>
          <w:sz-cs w:val="24"/>
        </w:rPr>
        <w:t xml:space="preserve">}{\plain \tab \tab \tab \tab \tab \tab \tab Interview Date - December 28, 1983\par</w:t>
      </w:r>
    </w:p>
    <w:p>
      <w:pPr/>
      <w:r>
        <w:rPr>
          <w:rFonts w:ascii="Helvetica Light" w:hAnsi="Helvetica Light" w:cs="Helvetica Light"/>
          <w:sz w:val="24"/>
          <w:sz-cs w:val="24"/>
        </w:rPr>
        <w:t xml:space="preserve">}{\plain \tab }{\plain \i Tape one, side one:}{\plain \par</w:t>
      </w:r>
    </w:p>
    <w:p>
      <w:pPr/>
      <w:r>
        <w:rPr>
          <w:rFonts w:ascii="Helvetica Light" w:hAnsi="Helvetica Light" w:cs="Helvetica Light"/>
          <w:sz w:val="24"/>
          <w:sz-cs w:val="24"/>
        </w:rPr>
        <w:t xml:space="preserve">}\pard \qj\sl395\tx0\tx0\tx720\tx1440\tx2160\tx2880\tx3600\tx4320\tx5040\tx5760\tx6480\tx7200\tx7920\tx8640\tx9360 </w:t>
      </w:r>
    </w:p>
    <w:p>
      <w:pPr/>
      <w:r>
        <w:rPr>
          <w:rFonts w:ascii="Helvetica Light" w:hAnsi="Helvetica Light" w:cs="Helvetica Light"/>
          <w:sz w:val="24"/>
          <w:sz-cs w:val="24"/>
        </w:rPr>
        <w:t xml:space="preserve">{\plain \tab JF:\tab Mr. Turzanski, can you tell us where and when you were born, and a little bit about </w:t>
      </w:r>
    </w:p>
    <w:p>
      <w:pPr/>
      <w:r>
        <w:rPr>
          <w:rFonts w:ascii="Helvetica Light" w:hAnsi="Helvetica Light" w:cs="Helvetica Light"/>
          <w:sz w:val="24"/>
          <w:sz-cs w:val="24"/>
        </w:rPr>
        <w:t xml:space="preserve">your childhood?\par</w:t>
      </w:r>
    </w:p>
    <w:p>
      <w:pPr/>
      <w:r>
        <w:rPr>
          <w:rFonts w:ascii="Helvetica Light" w:hAnsi="Helvetica Light" w:cs="Helvetica Light"/>
          <w:sz w:val="24"/>
          <w:sz-cs w:val="24"/>
        </w:rPr>
        <w:t xml:space="preserve">}{\plain \tab MT:\tab I was born in Poland, southeast part of Poland, now taken by Russia, on January 18, </w:t>
      </w:r>
    </w:p>
    <w:p>
      <w:pPr/>
      <w:r>
        <w:rPr>
          <w:rFonts w:ascii="Helvetica Light" w:hAnsi="Helvetica Light" w:cs="Helvetica Light"/>
          <w:sz w:val="24"/>
          <w:sz-cs w:val="24"/>
        </w:rPr>
        <w:t xml:space="preserve">1934.\par</w:t>
      </w:r>
    </w:p>
    <w:p>
      <w:pPr/>
      <w:r>
        <w:rPr>
          <w:rFonts w:ascii="Helvetica Light" w:hAnsi="Helvetica Light" w:cs="Helvetica Light"/>
          <w:sz w:val="24"/>
          <w:sz-cs w:val="24"/>
        </w:rPr>
        <w:t xml:space="preserve">}{\plain \tab JF:\tab What was the name of the town?\par</w:t>
      </w:r>
    </w:p>
    <w:p>
      <w:pPr/>
      <w:r>
        <w:rPr>
          <w:rFonts w:ascii="Helvetica Light" w:hAnsi="Helvetica Light" w:cs="Helvetica Light"/>
          <w:sz w:val="24"/>
          <w:sz-cs w:val="24"/>
        </w:rPr>
        <w:t xml:space="preserve">}{\plain \tab MT:\tab Zupanie, it was a village. Z-U-P-A-N-I-E. Zupanie. My parents were wealthy in </w:t>
      </w:r>
    </w:p>
    <w:p>
      <w:pPr/>
      <w:r>
        <w:rPr>
          <w:rFonts w:ascii="Helvetica Light" w:hAnsi="Helvetica Light" w:cs="Helvetica Light"/>
          <w:sz w:val="24"/>
          <w:sz-cs w:val="24"/>
        </w:rPr>
        <w:t xml:space="preserve">Poland. They had quite a bit of land, forest, and the village consisted of about ten Polish families, I </w:t>
      </w:r>
    </w:p>
    <w:p>
      <w:pPr/>
      <w:r>
        <w:rPr>
          <w:rFonts w:ascii="Helvetica Light" w:hAnsi="Helvetica Light" w:cs="Helvetica Light"/>
          <w:sz w:val="24"/>
          <w:sz-cs w:val="24"/>
        </w:rPr>
        <w:t xml:space="preserve">think they were all Catholic families, three Jewish families, and they were the business-oriented </w:t>
      </w:r>
    </w:p>
    <w:p>
      <w:pPr/>
      <w:r>
        <w:rPr>
          <w:rFonts w:ascii="Helvetica Light" w:hAnsi="Helvetica Light" w:cs="Helvetica Light"/>
          <w:sz w:val="24"/>
          <w:sz-cs w:val="24"/>
        </w:rPr>
        <w:t xml:space="preserve">families in the community.\par</w:t>
      </w:r>
    </w:p>
    <w:p>
      <w:pPr/>
      <w:r>
        <w:rPr>
          <w:rFonts w:ascii="Helvetica Light" w:hAnsi="Helvetica Light" w:cs="Helvetica Light"/>
          <w:sz w:val="24"/>
          <w:sz-cs w:val="24"/>
        </w:rPr>
        <w:t xml:space="preserve">}{\plain \tab JF:\tab The Jewish families were the business-oriented?\par</w:t>
      </w:r>
    </w:p>
    <w:p>
      <w:pPr/>
      <w:r>
        <w:rPr>
          <w:rFonts w:ascii="Helvetica Light" w:hAnsi="Helvetica Light" w:cs="Helvetica Light"/>
          <w:sz w:val="24"/>
          <w:sz-cs w:val="24"/>
        </w:rPr>
        <w:t xml:space="preserve">}{\plain \tab MT:\tab Business. They were the ones that were running the store and lumber yard, as far as </w:t>
      </w:r>
    </w:p>
    <w:p>
      <w:pPr/>
      <w:r>
        <w:rPr>
          <w:rFonts w:ascii="Helvetica Light" w:hAnsi="Helvetica Light" w:cs="Helvetica Light"/>
          <w:sz w:val="24"/>
          <w:sz-cs w:val="24"/>
        </w:rPr>
        <w:t xml:space="preserve">I can remember, stories I heard about them.  And the rest of the community was a Polish minority, </w:t>
      </w:r>
    </w:p>
    <w:p>
      <w:pPr/>
      <w:r>
        <w:rPr>
          <w:rFonts w:ascii="Helvetica Light" w:hAnsi="Helvetica Light" w:cs="Helvetica Light"/>
          <w:sz w:val="24"/>
          <w:sz-cs w:val="24"/>
        </w:rPr>
        <w:t xml:space="preserve">which were Ukrainians.  They were individuals that fought for their rights for many years, for </w:t>
      </w:r>
    </w:p>
    <w:p>
      <w:pPr/>
      <w:r>
        <w:rPr>
          <w:rFonts w:ascii="Helvetica Light" w:hAnsi="Helvetica Light" w:cs="Helvetica Light"/>
          <w:sz w:val="24"/>
          <w:sz-cs w:val="24"/>
        </w:rPr>
        <w:t xml:space="preserve">centuries. They settled in Poland and they worked for my parents. They were not slaves, but they </w:t>
      </w:r>
    </w:p>
    <w:p>
      <w:pPr/>
      <w:r>
        <w:rPr>
          <w:rFonts w:ascii="Helvetica Light" w:hAnsi="Helvetica Light" w:cs="Helvetica Light"/>
          <w:sz w:val="24"/>
          <w:sz-cs w:val="24"/>
        </w:rPr>
        <w:t xml:space="preserve">were the servants.\par</w:t>
      </w:r>
    </w:p>
    <w:p>
      <w:pPr/>
      <w:r>
        <w:rPr>
          <w:rFonts w:ascii="Helvetica Light" w:hAnsi="Helvetica Light" w:cs="Helvetica Light"/>
          <w:sz w:val="24"/>
          <w:sz-cs w:val="24"/>
        </w:rPr>
        <w:t xml:space="preserve">}{\plain \tab JF:\tab Your family, then, was one of the ten Polish Catholic families that held the primary </w:t>
      </w:r>
    </w:p>
    <w:p>
      <w:pPr/>
      <w:r>
        <w:rPr>
          <w:rFonts w:ascii="Helvetica Light" w:hAnsi="Helvetica Light" w:cs="Helvetica Light"/>
          <w:sz w:val="24"/>
          <w:sz-cs w:val="24"/>
        </w:rPr>
        <w:t xml:space="preserve">holdings in the village?\par</w:t>
      </w:r>
    </w:p>
    <w:p>
      <w:pPr/>
      <w:r>
        <w:rPr>
          <w:rFonts w:ascii="Helvetica Light" w:hAnsi="Helvetica Light" w:cs="Helvetica Light"/>
          <w:sz w:val="24"/>
          <w:sz-cs w:val="24"/>
        </w:rPr>
        <w:t xml:space="preserve">}{\plain \tab MT:\tab Correct.\par</w:t>
      </w:r>
    </w:p>
    <w:p>
      <w:pPr/>
      <w:r>
        <w:rPr>
          <w:rFonts w:ascii="Helvetica Light" w:hAnsi="Helvetica Light" w:cs="Helvetica Light"/>
          <w:sz w:val="24"/>
          <w:sz-cs w:val="24"/>
        </w:rPr>
        <w:t xml:space="preserve">}{\plain \tab JF:\tab And was your father, then, the owner of this forest land that you are talking about?\par</w:t>
      </w:r>
    </w:p>
    <w:p>
      <w:pPr/>
      <w:r>
        <w:rPr>
          <w:rFonts w:ascii="Helvetica Light" w:hAnsi="Helvetica Light" w:cs="Helvetica Light"/>
          <w:sz w:val="24"/>
          <w:sz-cs w:val="24"/>
        </w:rPr>
        <w:t xml:space="preserve">}{\plain \tab MT:\tab That is correct. He had two mountains of forest ready to be cut down. One was a pine </w:t>
      </w:r>
    </w:p>
    <w:p>
      <w:pPr/>
      <w:r>
        <w:rPr>
          <w:rFonts w:ascii="Helvetica Light" w:hAnsi="Helvetica Light" w:cs="Helvetica Light"/>
          <w:sz w:val="24"/>
          <w:sz-cs w:val="24"/>
        </w:rPr>
        <w:t xml:space="preserve">forest and another one was oak.\par</w:t>
      </w:r>
    </w:p>
    <w:p>
      <w:pPr/>
      <w:r>
        <w:rPr>
          <w:rFonts w:ascii="Helvetica Light" w:hAnsi="Helvetica Light" w:cs="Helvetica Light"/>
          <w:sz w:val="24"/>
          <w:sz-cs w:val="24"/>
        </w:rPr>
        <w:t xml:space="preserve">}{\plain \tab JF:\tab Had his forebears also lived on this land? Had they also been from this section?\par</w:t>
      </w:r>
    </w:p>
    <w:p>
      <w:pPr/>
      <w:r>
        <w:rPr>
          <w:rFonts w:ascii="Helvetica Light" w:hAnsi="Helvetica Light" w:cs="Helvetica Light"/>
          <w:sz w:val="24"/>
          <w:sz-cs w:val="24"/>
        </w:rPr>
        <w:t xml:space="preserve">}{\plain \tab MT:\tab Yes, and his father, unfortunately, died in the First World War in the Leipzig Camp </w:t>
      </w:r>
    </w:p>
    <w:p>
      <w:pPr/>
      <w:r>
        <w:rPr>
          <w:rFonts w:ascii="Helvetica Light" w:hAnsi="Helvetica Light" w:cs="Helvetica Light"/>
          <w:sz w:val="24"/>
          <w:sz-cs w:val="24"/>
        </w:rPr>
        <w:t xml:space="preserve">in Germany. I don\'92t know whether they called them concentration camps. It was also a camp. My </w:t>
      </w:r>
    </w:p>
    <w:p>
      <w:pPr/>
      <w:r>
        <w:rPr>
          <w:rFonts w:ascii="Helvetica Light" w:hAnsi="Helvetica Light" w:cs="Helvetica Light"/>
          <w:sz w:val="24"/>
          <w:sz-cs w:val="24"/>
        </w:rPr>
        <w:t xml:space="preserve">father survived, so he came back as a 12-year-old boy.\par</w:t>
      </w:r>
    </w:p>
    <w:p>
      <w:pPr/>
      <w:r>
        <w:rPr>
          <w:rFonts w:ascii="Helvetica Light" w:hAnsi="Helvetica Light" w:cs="Helvetica Light"/>
          <w:sz w:val="24"/>
          <w:sz-cs w:val="24"/>
        </w:rPr>
        <w:t xml:space="preserve">}{\plain \tab JF:\tab He was in the camp also?\par</w:t>
      </w:r>
    </w:p>
    <w:p>
      <w:pPr/>
      <w:r>
        <w:rPr>
          <w:rFonts w:ascii="Helvetica Light" w:hAnsi="Helvetica Light" w:cs="Helvetica Light"/>
          <w:sz w:val="24"/>
          <w:sz-cs w:val="24"/>
        </w:rPr>
        <w:t xml:space="preserve">}{\plain \tab MT:\tab Yes.\par</w:t>
      </w:r>
    </w:p>
    <w:p>
      <w:pPr/>
      <w:r>
        <w:rPr>
          <w:rFonts w:ascii="Helvetica Light" w:hAnsi="Helvetica Light" w:cs="Helvetica Light"/>
          <w:sz w:val="24"/>
          <w:sz-cs w:val="24"/>
        </w:rPr>
        <w:t xml:space="preserve">}{\plain \tab JF:\tab Did he tell you of his experiences there?\par</w:t>
      </w:r>
    </w:p>
    <w:p>
      <w:pPr/>
      <w:r>
        <w:rPr>
          <w:rFonts w:ascii="Helvetica Light" w:hAnsi="Helvetica Light" w:cs="Helvetica Light"/>
          <w:sz w:val="24"/>
          <w:sz-cs w:val="24"/>
        </w:rPr>
        <w:t xml:space="preserve">}{\plain \tab MT:\tab Not too much, because each time I wanted to discuss it with him, it would choke him </w:t>
      </w:r>
    </w:p>
    <w:p>
      <w:pPr/>
      <w:r>
        <w:rPr>
          <w:rFonts w:ascii="Helvetica Light" w:hAnsi="Helvetica Light" w:cs="Helvetica Light"/>
          <w:sz w:val="24"/>
          <w:sz-cs w:val="24"/>
        </w:rPr>
        <w:t xml:space="preserve">up. He felt very guilty about the whole thing that, as a l2-year-old boy, he should have done more </w:t>
      </w:r>
    </w:p>
    <w:p>
      <w:pPr/>
      <w:r>
        <w:rPr>
          <w:rFonts w:ascii="Helvetica Light" w:hAnsi="Helvetica Light" w:cs="Helvetica Light"/>
          <w:sz w:val="24"/>
          <w:sz-cs w:val="24"/>
        </w:rPr>
        <w:t xml:space="preserve">than he did, because when they came back from the camp, back to Poland, whatever his father </w:t>
      </w:r>
    </w:p>
    <w:p>
      <w:pPr/>
      <w:r>
        <w:rPr>
          <w:rFonts w:ascii="Helvetica Light" w:hAnsi="Helvetica Light" w:cs="Helvetica Light"/>
          <w:sz w:val="24"/>
          <w:sz-cs w:val="24"/>
        </w:rPr>
        <w:t xml:space="preserve">started, the neighbors took it from him.\par</w:t>
      </w:r>
    </w:p>
    <w:p>
      <w:pPr/>
      <w:r>
        <w:rPr>
          <w:rFonts w:ascii="Helvetica Light" w:hAnsi="Helvetica Light" w:cs="Helvetica Light"/>
          <w:sz w:val="24"/>
          <w:sz-cs w:val="24"/>
        </w:rPr>
        <w:t xml:space="preserve">}{\plain \tab JF:\tab The other large families in the town?\par</w:t>
      </w:r>
    </w:p>
    <w:p>
      <w:pPr/>
      <w:r>
        <w:rPr>
          <w:rFonts w:ascii="Helvetica Light" w:hAnsi="Helvetica Light" w:cs="Helvetica Light"/>
          <w:sz w:val="24"/>
          <w:sz-cs w:val="24"/>
        </w:rPr>
        <w:t xml:space="preserve">}{\plain \tab MT:\tab The other, whoever were, whoever needed lumber, his father started to build a house </w:t>
      </w:r>
    </w:p>
    <w:p>
      <w:pPr/>
      <w:r>
        <w:rPr>
          <w:rFonts w:ascii="Helvetica Light" w:hAnsi="Helvetica Light" w:cs="Helvetica Light"/>
          <w:sz w:val="24"/>
          <w:sz-cs w:val="24"/>
        </w:rPr>
        <w:t xml:space="preserve">or something, whatever building they started, he said that within a short time all of it was gone.\par</w:t>
      </w:r>
    </w:p>
    <w:p>
      <w:pPr/>
      <w:r>
        <w:rPr>
          <w:rFonts w:ascii="Helvetica Light" w:hAnsi="Helvetica Light" w:cs="Helvetica Light"/>
          <w:sz w:val="24"/>
          <w:sz-cs w:val="24"/>
        </w:rPr>
        <w:t xml:space="preserve">}{\plain \tab JF:\tab Why, was the whole family in this camp in Leipzig?\par</w:t>
      </w:r>
    </w:p>
    <w:p>
      <w:pPr/>
      <w:r>
        <w:rPr>
          <w:rFonts w:ascii="Helvetica Light" w:hAnsi="Helvetica Light" w:cs="Helvetica Light"/>
          <w:sz w:val="24"/>
          <w:sz-cs w:val="24"/>
        </w:rPr>
        <w:t xml:space="preserve">}{\plain \tab MT:\tab Yes.\par</w:t>
      </w:r>
    </w:p>
    <w:p>
      <w:pPr/>
      <w:r>
        <w:rPr>
          <w:rFonts w:ascii="Helvetica Light" w:hAnsi="Helvetica Light" w:cs="Helvetica Light"/>
          <w:sz w:val="24"/>
          <w:sz-cs w:val="24"/>
        </w:rPr>
        <w:t xml:space="preserve">}{\plain \tab JF:\tab For what reason were they taken?\par</w:t>
      </w:r>
    </w:p>
    <w:p>
      <w:pPr/>
      <w:r>
        <w:rPr>
          <w:rFonts w:ascii="Helvetica Light" w:hAnsi="Helvetica Light" w:cs="Helvetica Light"/>
          <w:sz w:val="24"/>
          <w:sz-cs w:val="24"/>
        </w:rPr>
        <w:t xml:space="preserve">}{\plain \tab MT:\tab Well, because, again, they were the evils of the terri\-tory. They were Poles. Poland </w:t>
      </w:r>
    </w:p>
    <w:p>
      <w:pPr/>
      <w:r>
        <w:rPr>
          <w:rFonts w:ascii="Helvetica Light" w:hAnsi="Helvetica Light" w:cs="Helvetica Light"/>
          <w:sz w:val="24"/>
          <w:sz-cs w:val="24"/>
        </w:rPr>
        <w:t xml:space="preserve">went through this each time there was a misunderstanding between Russia and Germany, or Eastern </w:t>
      </w:r>
    </w:p>
    <w:p>
      <w:pPr/>
      <w:r>
        <w:rPr>
          <w:rFonts w:ascii="Helvetica Light" w:hAnsi="Helvetica Light" w:cs="Helvetica Light"/>
          <w:sz w:val="24"/>
          <w:sz-cs w:val="24"/>
        </w:rPr>
        <w:t xml:space="preserve">Germany needed to expand, or needed a corridor to move through. Poland was the corridor of </w:t>
      </w:r>
    </w:p>
    <w:p>
      <w:pPr/>
      <w:r>
        <w:rPr>
          <w:rFonts w:ascii="Helvetica Light" w:hAnsi="Helvetica Light" w:cs="Helvetica Light"/>
          <w:sz w:val="24"/>
          <w:sz-cs w:val="24"/>
        </w:rPr>
        <w:t xml:space="preserve">Europe. They just walked back and forth.\par</w:t>
      </w:r>
    </w:p>
    <w:p>
      <w:pPr/>
      <w:r>
        <w:rPr>
          <w:rFonts w:ascii="Helvetica Light" w:hAnsi="Helvetica Light" w:cs="Helvetica Light"/>
          <w:sz w:val="24"/>
          <w:sz-cs w:val="24"/>
        </w:rPr>
        <w:t xml:space="preserve">}{\plain \tab JF:\tab Were other families like your grandfather\'92s family also incarcerated, or were you...\par</w:t>
      </w:r>
    </w:p>
    <w:p>
      <w:pPr/>
      <w:r>
        <w:rPr>
          <w:rFonts w:ascii="Helvetica Light" w:hAnsi="Helvetica Light" w:cs="Helvetica Light"/>
          <w:sz w:val="24"/>
          <w:sz-cs w:val="24"/>
        </w:rPr>
        <w:t xml:space="preserve">}{\plain \tab MT: \tab Yes, because they were actually a minority in their location. Not far from that village </w:t>
      </w:r>
    </w:p>
    <w:p>
      <w:pPr/>
      <w:r>
        <w:rPr>
          <w:rFonts w:ascii="Helvetica Light" w:hAnsi="Helvetica Light" w:cs="Helvetica Light"/>
          <w:sz w:val="24"/>
          <w:sz-cs w:val="24"/>
        </w:rPr>
        <w:t xml:space="preserve">was another well-established community, Felicenthal [phonetic]. I think that they called it. It was a </w:t>
      </w:r>
    </w:p>
    <w:p>
      <w:pPr/>
      <w:r>
        <w:rPr>
          <w:rFonts w:ascii="Helvetica Light" w:hAnsi="Helvetica Light" w:cs="Helvetica Light"/>
          <w:sz w:val="24"/>
          <w:sz-cs w:val="24"/>
        </w:rPr>
        <w:t xml:space="preserve">German colony. A lot of Germans had colonies in Poland in those days, and they were the-- not as </w:t>
      </w:r>
    </w:p>
    <w:p>
      <w:pPr/>
      <w:r>
        <w:rPr>
          <w:rFonts w:ascii="Helvetica Light" w:hAnsi="Helvetica Light" w:cs="Helvetica Light"/>
          <w:sz w:val="24"/>
          <w:sz-cs w:val="24"/>
        </w:rPr>
        <w:t xml:space="preserve">much merchants as mechanics, etc. They were the people that would fix your equipment, farm </w:t>
      </w:r>
    </w:p>
    <w:p>
      <w:pPr/>
      <w:r>
        <w:rPr>
          <w:rFonts w:ascii="Helvetica Light" w:hAnsi="Helvetica Light" w:cs="Helvetica Light"/>
          <w:sz w:val="24"/>
          <w:sz-cs w:val="24"/>
        </w:rPr>
        <w:t xml:space="preserve">equipment, and they would have the parts for it, and they would also supply the terri\-tory with certain </w:t>
      </w:r>
    </w:p>
    <w:p>
      <w:pPr/>
      <w:r>
        <w:rPr>
          <w:rFonts w:ascii="Helvetica Light" w:hAnsi="Helvetica Light" w:cs="Helvetica Light"/>
          <w:sz w:val="24"/>
          <w:sz-cs w:val="24"/>
        </w:rPr>
        <w:t xml:space="preserve">shoes, and so forth. There were some wooden shoes used by some people,}{\plain \sub  }{\plain that the Germans were </w:t>
      </w:r>
    </w:p>
    <w:p>
      <w:pPr/>
      <w:r>
        <w:rPr>
          <w:rFonts w:ascii="Helvetica Light" w:hAnsi="Helvetica Light" w:cs="Helvetica Light"/>
          <w:sz w:val="24"/>
          <w:sz-cs w:val="24"/>
        </w:rPr>
        <w:t xml:space="preserve">making and selling, so everybody was-- had a place, the way I see it, in that territory. They were well-organized; they had orchestras-- my father, when he got married, my parents, this was when they had </w:t>
      </w:r>
    </w:p>
    <w:p>
      <w:pPr/>
      <w:r>
        <w:rPr>
          <w:rFonts w:ascii="Helvetica Light" w:hAnsi="Helvetica Light" w:cs="Helvetica Light"/>
          <w:sz w:val="24"/>
          <w:sz-cs w:val="24"/>
        </w:rPr>
        <w:t xml:space="preserve">the big blow-out, a German band and everything, etc.\par</w:t>
      </w:r>
    </w:p>
    <w:p>
      <w:pPr/>
      <w:r>
        <w:rPr>
          <w:rFonts w:ascii="Helvetica Light" w:hAnsi="Helvetica Light" w:cs="Helvetica Light"/>
          <w:sz w:val="24"/>
          <w:sz-cs w:val="24"/>
        </w:rPr>
        <w:t xml:space="preserve">}{\plain \tab JF:\tab And the Jewish families that you were familiar with were primarily these merchant </w:t>
      </w:r>
    </w:p>
    <w:p>
      <w:pPr/>
      <w:r>
        <w:rPr>
          <w:rFonts w:ascii="Helvetica Light" w:hAnsi="Helvetica Light" w:cs="Helvetica Light"/>
          <w:sz w:val="24"/>
          <w:sz-cs w:val="24"/>
        </w:rPr>
        <w:t xml:space="preserve">families?\par</w:t>
      </w:r>
    </w:p>
    <w:p>
      <w:pPr/>
      <w:r>
        <w:rPr>
          <w:rFonts w:ascii="Helvetica Light" w:hAnsi="Helvetica Light" w:cs="Helvetica Light"/>
          <w:sz w:val="24"/>
          <w:sz-cs w:val="24"/>
        </w:rPr>
        <w:t xml:space="preserve">}{\plain \tab MT:\tab Yes.\par</w:t>
      </w:r>
    </w:p>
    <w:p>
      <w:pPr/>
      <w:r>
        <w:rPr>
          <w:rFonts w:ascii="Helvetica Light" w:hAnsi="Helvetica Light" w:cs="Helvetica Light"/>
          <w:sz w:val="24"/>
          <w:sz-cs w:val="24"/>
        </w:rPr>
        <w:t xml:space="preserve">}{\plain \tab JF:\tab The business families?\par</w:t>
      </w:r>
    </w:p>
    <w:p>
      <w:pPr/>
      <w:r>
        <w:rPr>
          <w:rFonts w:ascii="Helvetica Light" w:hAnsi="Helvetica Light" w:cs="Helvetica Light"/>
          <w:sz w:val="24"/>
          <w:sz-cs w:val="24"/>
        </w:rPr>
        <w:t xml:space="preserve">}{\plain \tab MT:\tab Families that were as well off as my parents were, Goldreich [phonetic] I heard quite </w:t>
      </w:r>
    </w:p>
    <w:p>
      <w:pPr/>
      <w:r>
        <w:rPr>
          <w:rFonts w:ascii="Helvetica Light" w:hAnsi="Helvetica Light" w:cs="Helvetica Light"/>
          <w:sz w:val="24"/>
          <w:sz-cs w:val="24"/>
        </w:rPr>
        <w:t xml:space="preserve">a bit of when I was growing up, were the-- they had a lumber yard. They were right across the little </w:t>
      </w:r>
    </w:p>
    <w:p>
      <w:pPr/>
      <w:r>
        <w:rPr>
          <w:rFonts w:ascii="Helvetica Light" w:hAnsi="Helvetica Light" w:cs="Helvetica Light"/>
          <w:sz w:val="24"/>
          <w:sz-cs w:val="24"/>
        </w:rPr>
        <w:t xml:space="preserve">creek from us, within eyesight. I remember seeing the place, and they were right next to the border </w:t>
      </w:r>
    </w:p>
    <w:p>
      <w:pPr/>
      <w:r>
        <w:rPr>
          <w:rFonts w:ascii="Helvetica Light" w:hAnsi="Helvetica Light" w:cs="Helvetica Light"/>
          <w:sz w:val="24"/>
          <w:sz-cs w:val="24"/>
        </w:rPr>
        <w:t xml:space="preserve">patrol barracks. As a matter of fact, I asked my parents, my father and my mother--they are still alive, </w:t>
      </w:r>
    </w:p>
    <w:p>
      <w:pPr/>
      <w:r>
        <w:rPr>
          <w:rFonts w:ascii="Helvetica Light" w:hAnsi="Helvetica Light" w:cs="Helvetica Light"/>
          <w:sz w:val="24"/>
          <w:sz-cs w:val="24"/>
        </w:rPr>
        <w:t xml:space="preserve">my father was just 80, he just celebrated his 80th birthday-- the story about Goldreich [phonetic] </w:t>
      </w:r>
    </w:p>
    <w:p>
      <w:pPr/>
      <w:r>
        <w:rPr>
          <w:rFonts w:ascii="Helvetica Light" w:hAnsi="Helvetica Light" w:cs="Helvetica Light"/>
          <w:sz w:val="24"/>
          <w:sz-cs w:val="24"/>
        </w:rPr>
        <w:t xml:space="preserve">being hidden in our house. It was not during the German occupation, because we were out of it.\par</w:t>
      </w:r>
    </w:p>
    <w:p>
      <w:pPr/>
      <w:r>
        <w:rPr>
          <w:rFonts w:ascii="Helvetica Light" w:hAnsi="Helvetica Light" w:cs="Helvetica Light"/>
          <w:sz w:val="24"/>
          <w:sz-cs w:val="24"/>
        </w:rPr>
        <w:t xml:space="preserve">}{\plain \tab JF:\tab When was this?\par</w:t>
      </w:r>
    </w:p>
    <w:p>
      <w:pPr/>
      <w:r>
        <w:rPr>
          <w:rFonts w:ascii="Helvetica Light" w:hAnsi="Helvetica Light" w:cs="Helvetica Light"/>
          <w:sz w:val="24"/>
          <w:sz-cs w:val="24"/>
        </w:rPr>
        <w:t xml:space="preserve">}{\plain \tab MT: \tab It was when Poland was still free. He was involved in some kind of trade that was not </w:t>
      </w:r>
    </w:p>
    <w:p>
      <w:pPr/>
      <w:r>
        <w:rPr>
          <w:rFonts w:ascii="Helvetica Light" w:hAnsi="Helvetica Light" w:cs="Helvetica Light"/>
          <w:sz w:val="24"/>
          <w:sz-cs w:val="24"/>
        </w:rPr>
        <w:t xml:space="preserve">quite legal and was not quite illegal, and my father, being a, not a mayor, only a recognized individual </w:t>
      </w:r>
    </w:p>
    <w:p>
      <w:pPr/>
      <w:r>
        <w:rPr>
          <w:rFonts w:ascii="Helvetica Light" w:hAnsi="Helvetica Light" w:cs="Helvetica Light"/>
          <w:sz w:val="24"/>
          <w:sz-cs w:val="24"/>
        </w:rPr>
        <w:t xml:space="preserve">in the territory, he asked if he could stay there, and I think they gave him two weeks. For two weeks, </w:t>
      </w:r>
    </w:p>
    <w:p>
      <w:pPr/>
      <w:r>
        <w:rPr>
          <w:rFonts w:ascii="Helvetica Light" w:hAnsi="Helvetica Light" w:cs="Helvetica Light"/>
          <w:sz w:val="24"/>
          <w:sz-cs w:val="24"/>
        </w:rPr>
        <w:t xml:space="preserve">if he\'92s not caught or whatever, then he doesn\'92t have to answer to the authorities for that.\par</w:t>
      </w:r>
    </w:p>
    <w:p>
      <w:pPr/>
      <w:r>
        <w:rPr>
          <w:rFonts w:ascii="Helvetica Light" w:hAnsi="Helvetica Light" w:cs="Helvetica Light"/>
          <w:sz w:val="24"/>
          <w:sz-cs w:val="24"/>
        </w:rPr>
        <w:t xml:space="preserve">}{\plain \tab JF:\tab This was the Polish authorities?\par</w:t>
      </w:r>
    </w:p>
    <w:p>
      <w:pPr/>
      <w:r>
        <w:rPr>
          <w:rFonts w:ascii="Helvetica Light" w:hAnsi="Helvetica Light" w:cs="Helvetica Light"/>
          <w:sz w:val="24"/>
          <w:sz-cs w:val="24"/>
        </w:rPr>
        <w:t xml:space="preserve">}{\plain \tab MT:\tab Yes, the border, something-- border. He did not have permission to trade across </w:t>
      </w:r>
    </w:p>
    <w:p>
      <w:pPr/>
      <w:r>
        <w:rPr>
          <w:rFonts w:ascii="Helvetica Light" w:hAnsi="Helvetica Light" w:cs="Helvetica Light"/>
          <w:sz w:val="24"/>
          <w:sz-cs w:val="24"/>
        </w:rPr>
        <w:t xml:space="preserve">borders which he was doing, and was quite successful dealing with certain things: not selling arms </w:t>
      </w:r>
    </w:p>
    <w:p>
      <w:pPr/>
      <w:r>
        <w:rPr>
          <w:rFonts w:ascii="Helvetica Light" w:hAnsi="Helvetica Light" w:cs="Helvetica Light"/>
          <w:sz w:val="24"/>
          <w:sz-cs w:val="24"/>
        </w:rPr>
        <w:t xml:space="preserve">or anything like that, it was some kind of a business deal-- sugar, horses, and things like that. Normal </w:t>
      </w:r>
    </w:p>
    <w:p>
      <w:pPr/>
      <w:r>
        <w:rPr>
          <w:rFonts w:ascii="Helvetica Light" w:hAnsi="Helvetica Light" w:cs="Helvetica Light"/>
          <w:sz w:val="24"/>
          <w:sz-cs w:val="24"/>
        </w:rPr>
        <w:t xml:space="preserve">deals, but there was not a written contract, I think, for it, so the government could not get their tax.\par</w:t>
      </w:r>
    </w:p>
    <w:p>
      <w:pPr/>
      <w:r>
        <w:rPr>
          <w:rFonts w:ascii="Helvetica Light" w:hAnsi="Helvetica Light" w:cs="Helvetica Light"/>
          <w:sz w:val="24"/>
          <w:sz-cs w:val="24"/>
        </w:rPr>
        <w:t xml:space="preserve">}{\plain \tab JF:\tab I see.\par</w:t>
      </w:r>
    </w:p>
    <w:p>
      <w:pPr/>
      <w:r>
        <w:rPr>
          <w:rFonts w:ascii="Helvetica Light" w:hAnsi="Helvetica Light" w:cs="Helvetica Light"/>
          <w:sz w:val="24"/>
          <w:sz-cs w:val="24"/>
        </w:rPr>
        <w:t xml:space="preserve">}{\plain \tab MT:\tab He asked my father if he would do that, and he said, \'93You do realize that the border </w:t>
      </w:r>
    </w:p>
    <w:p>
      <w:pPr/>
      <w:r>
        <w:rPr>
          <w:rFonts w:ascii="Helvetica Light" w:hAnsi="Helvetica Light" w:cs="Helvetica Light"/>
          <w:sz w:val="24"/>
          <w:sz-cs w:val="24"/>
        </w:rPr>
        <w:t xml:space="preserve">patrol is right across the street from us.\'94 He said, \'93Yes, but they do look up to you.\'94 He did.\par</w:t>
      </w:r>
    </w:p>
    <w:p>
      <w:pPr/>
      <w:r>
        <w:rPr>
          <w:rFonts w:ascii="Helvetica Light" w:hAnsi="Helvetica Light" w:cs="Helvetica Light"/>
          <w:sz w:val="24"/>
          <w:sz-cs w:val="24"/>
        </w:rPr>
        <w:t xml:space="preserve">}{\plain \tab JF:\tab So he and his family came.\par</w:t>
      </w:r>
    </w:p>
    <w:p>
      <w:pPr/>
      <w:r>
        <w:rPr>
          <w:rFonts w:ascii="Helvetica Light" w:hAnsi="Helvetica Light" w:cs="Helvetica Light"/>
          <w:sz w:val="24"/>
          <w:sz-cs w:val="24"/>
        </w:rPr>
        <w:t xml:space="preserve">}{\plain \tab MT:\tab No, just him, just him, and they asked him not to go back in those two weeks, because </w:t>
      </w:r>
    </w:p>
    <w:p>
      <w:pPr/>
      <w:r>
        <w:rPr>
          <w:rFonts w:ascii="Helvetica Light" w:hAnsi="Helvetica Light" w:cs="Helvetica Light"/>
          <w:sz w:val="24"/>
          <w:sz-cs w:val="24"/>
        </w:rPr>
        <w:t xml:space="preserve">he can get caught going from my house by the border patrol that would look to your house at night. </w:t>
      </w:r>
    </w:p>
    <w:p>
      <w:pPr/>
      <w:r>
        <w:rPr>
          <w:rFonts w:ascii="Helvetica Light" w:hAnsi="Helvetica Light" w:cs="Helvetica Light"/>
          <w:sz w:val="24"/>
          <w:sz-cs w:val="24"/>
        </w:rPr>
        <w:t xml:space="preserve">As a matter of fact, when he was staying at our house, the individuals were coming over for dinners </w:t>
      </w:r>
    </w:p>
    <w:p>
      <w:pPr/>
      <w:r>
        <w:rPr>
          <w:rFonts w:ascii="Helvetica Light" w:hAnsi="Helvetica Light" w:cs="Helvetica Light"/>
          <w:sz w:val="24"/>
          <w:sz-cs w:val="24"/>
        </w:rPr>
        <w:t xml:space="preserve">and so forth, and the border patrols to our house also, so it was quite safe.\par</w:t>
      </w:r>
    </w:p>
    <w:p>
      <w:pPr/>
      <w:r>
        <w:rPr>
          <w:rFonts w:ascii="Helvetica Light" w:hAnsi="Helvetica Light" w:cs="Helvetica Light"/>
          <w:sz w:val="24"/>
          <w:sz-cs w:val="24"/>
        </w:rPr>
        <w:t xml:space="preserve">}{\plain \tab JF:\tab This was the border to...\par</w:t>
      </w:r>
    </w:p>
    <w:p>
      <w:pPr/>
      <w:r>
        <w:rPr>
          <w:rFonts w:ascii="Helvetica Light" w:hAnsi="Helvetica Light" w:cs="Helvetica Light"/>
          <w:sz w:val="24"/>
          <w:sz-cs w:val="24"/>
        </w:rPr>
        <w:t xml:space="preserve">}{\plain \tab MT:\tab Hungarian border. We were within about three and one half kilometers to Hungarian </w:t>
      </w:r>
    </w:p>
    <w:p>
      <w:pPr/>
      <w:r>
        <w:rPr>
          <w:rFonts w:ascii="Helvetica Light" w:hAnsi="Helvetica Light" w:cs="Helvetica Light"/>
          <w:sz w:val="24"/>
          <w:sz-cs w:val="24"/>
        </w:rPr>
        <w:t xml:space="preserve">border which is what, like one and one half mile, not too far from the Hungarian border.\par</w:t>
      </w:r>
    </w:p>
    <w:p>
      <w:pPr/>
      <w:r>
        <w:rPr>
          <w:rFonts w:ascii="Helvetica Light" w:hAnsi="Helvetica Light" w:cs="Helvetica Light"/>
          <w:sz w:val="24"/>
          <w:sz-cs w:val="24"/>
        </w:rPr>
        <w:t xml:space="preserve">}{\plain \tab JF:\tab What was the relationship like, generally, with the Jewish families? You\'92re talking </w:t>
      </w:r>
    </w:p>
    <w:p>
      <w:pPr/>
      <w:r>
        <w:rPr>
          <w:rFonts w:ascii="Helvetica Light" w:hAnsi="Helvetica Light" w:cs="Helvetica Light"/>
          <w:sz w:val="24"/>
          <w:sz-cs w:val="24"/>
        </w:rPr>
        <w:t xml:space="preserve">about 13 families,}{\plain \sub  }{\plain which were essentially the primary economic base for this village. What was the...\par</w:t>
      </w:r>
    </w:p>
    <w:p>
      <w:pPr/>
      <w:r>
        <w:rPr>
          <w:rFonts w:ascii="Helvetica Light" w:hAnsi="Helvetica Light" w:cs="Helvetica Light"/>
          <w:sz w:val="24"/>
          <w:sz-cs w:val="24"/>
        </w:rPr>
        <w:t xml:space="preserve">}{\plain \tab MT:\tab I feel that they had very good organization and rela\-tionship, not co-existence, was  </w:t>
      </w:r>
    </w:p>
    <w:p>
      <w:pPr/>
      <w:r>
        <w:rPr>
          <w:rFonts w:ascii="Helvetica Light" w:hAnsi="Helvetica Light" w:cs="Helvetica Light"/>
          <w:sz w:val="24"/>
          <w:sz-cs w:val="24"/>
        </w:rPr>
        <w:t xml:space="preserve">actually more than that. They supplied the territory with necessary things, so they were recognized </w:t>
      </w:r>
    </w:p>
    <w:p>
      <w:pPr/>
      <w:r>
        <w:rPr>
          <w:rFonts w:ascii="Helvetica Light" w:hAnsi="Helvetica Light" w:cs="Helvetica Light"/>
          <w:sz w:val="24"/>
          <w:sz-cs w:val="24"/>
        </w:rPr>
        <w:t xml:space="preserve">as such. Poles had land. They always treasure land, like my father, he had land because of his </w:t>
      </w:r>
    </w:p>
    <w:p>
      <w:pPr/>
      <w:r>
        <w:rPr>
          <w:rFonts w:ascii="Helvetica Light" w:hAnsi="Helvetica Light" w:cs="Helvetica Light"/>
          <w:sz w:val="24"/>
          <w:sz-cs w:val="24"/>
        </w:rPr>
        <w:t xml:space="preserve">ancestors. Ukrainians were the forgotten people, I would call now. There was no welfare in those </w:t>
      </w:r>
    </w:p>
    <w:p>
      <w:pPr/>
      <w:r>
        <w:rPr>
          <w:rFonts w:ascii="Helvetica Light" w:hAnsi="Helvetica Light" w:cs="Helvetica Light"/>
          <w:sz w:val="24"/>
          <w:sz-cs w:val="24"/>
        </w:rPr>
        <w:t xml:space="preserve">days. They were not starving, but they had to work for their food and, as a matter of fact, kids would </w:t>
      </w:r>
    </w:p>
    <w:p>
      <w:pPr/>
      <w:r>
        <w:rPr>
          <w:rFonts w:ascii="Helvetica Light" w:hAnsi="Helvetica Light" w:cs="Helvetica Light"/>
          <w:sz w:val="24"/>
          <w:sz-cs w:val="24"/>
        </w:rPr>
        <w:t xml:space="preserve">be sent out early in their life, like the girl, the woman that was taking care of us, I think she came to </w:t>
      </w:r>
    </w:p>
    <w:p>
      <w:pPr/>
      <w:r>
        <w:rPr>
          <w:rFonts w:ascii="Helvetica Light" w:hAnsi="Helvetica Light" w:cs="Helvetica Light"/>
          <w:sz w:val="24"/>
          <w:sz-cs w:val="24"/>
        </w:rPr>
        <w:t xml:space="preserve">my parents, given by her parents, at age of 14, if they would please give her a job, which is working </w:t>
      </w:r>
    </w:p>
    <w:p>
      <w:pPr/>
      <w:r>
        <w:rPr>
          <w:rFonts w:ascii="Helvetica Light" w:hAnsi="Helvetica Light" w:cs="Helvetica Light"/>
          <w:sz w:val="24"/>
          <w:sz-cs w:val="24"/>
        </w:rPr>
        <w:t xml:space="preserve">for [unclear]. I think she had it very enjoyable. I don\'92t think we were that rotten.  I had three brothers. </w:t>
      </w:r>
    </w:p>
    <w:p>
      <w:pPr/>
      <w:r>
        <w:rPr>
          <w:rFonts w:ascii="Helvetica Light" w:hAnsi="Helvetica Light" w:cs="Helvetica Light"/>
          <w:sz w:val="24"/>
          <w:sz-cs w:val="24"/>
        </w:rPr>
        <w:t xml:space="preserve">She was taking care of us; she was our governess. She was taking care of us, correcting our language </w:t>
      </w:r>
    </w:p>
    <w:p>
      <w:pPr/>
      <w:r>
        <w:rPr>
          <w:rFonts w:ascii="Helvetica Light" w:hAnsi="Helvetica Light" w:cs="Helvetica Light"/>
          <w:sz w:val="24"/>
          <w:sz-cs w:val="24"/>
        </w:rPr>
        <w:t xml:space="preserve">and manners and keeping eye on us. My mother was a very brave young lady. She liked horses and </w:t>
      </w:r>
    </w:p>
    <w:p>
      <w:pPr/>
      <w:r>
        <w:rPr>
          <w:rFonts w:ascii="Helvetica Light" w:hAnsi="Helvetica Light" w:cs="Helvetica Light"/>
          <w:sz w:val="24"/>
          <w:sz-cs w:val="24"/>
        </w:rPr>
        <w:t xml:space="preserve">she liked to ride an awful lot. It was against territorial wisdom, and when my father married her, that </w:t>
      </w:r>
    </w:p>
    <w:p>
      <w:pPr/>
      <w:r>
        <w:rPr>
          <w:rFonts w:ascii="Helvetica Light" w:hAnsi="Helvetica Light" w:cs="Helvetica Light"/>
          <w:sz w:val="24"/>
          <w:sz-cs w:val="24"/>
        </w:rPr>
        <w:t xml:space="preserve">caused a lot of talk in the community.\par</w:t>
      </w:r>
    </w:p>
    <w:p>
      <w:pPr/>
      <w:r>
        <w:rPr>
          <w:rFonts w:ascii="Helvetica Light" w:hAnsi="Helvetica Light" w:cs="Helvetica Light"/>
          <w:sz w:val="24"/>
          <w:sz-cs w:val="24"/>
        </w:rPr>
        <w:t xml:space="preserve">}{\plain \tab JF:\tab Why was that?\par</w:t>
      </w:r>
    </w:p>
    <w:p>
      <w:pPr/>
      <w:r>
        <w:rPr>
          <w:rFonts w:ascii="Helvetica Light" w:hAnsi="Helvetica Light" w:cs="Helvetica Light"/>
          <w:sz w:val="24"/>
          <w:sz-cs w:val="24"/>
        </w:rPr>
        <w:t xml:space="preserve">}{\plain \tab MT:\tab Because he brought in a woman that\'92s modern. All she wants to do is just ride horses, </w:t>
      </w:r>
    </w:p>
    <w:p>
      <w:pPr/>
      <w:r>
        <w:rPr>
          <w:rFonts w:ascii="Helvetica Light" w:hAnsi="Helvetica Light" w:cs="Helvetica Light"/>
          <w:sz w:val="24"/>
          <w:sz-cs w:val="24"/>
        </w:rPr>
        <w:t xml:space="preserve">and she was quite a woman.\par</w:t>
      </w:r>
    </w:p>
    <w:p>
      <w:pPr/>
      <w:r>
        <w:rPr>
          <w:rFonts w:ascii="Helvetica Light" w:hAnsi="Helvetica Light" w:cs="Helvetica Light"/>
          <w:sz w:val="24"/>
          <w:sz-cs w:val="24"/>
        </w:rPr>
        <w:t xml:space="preserve">}{\plain \tab JF:\tab She was from outside this territory?\par</w:t>
      </w:r>
    </w:p>
    <w:p>
      <w:pPr/>
      <w:r>
        <w:rPr>
          <w:rFonts w:ascii="Helvetica Light" w:hAnsi="Helvetica Light" w:cs="Helvetica Light"/>
          <w:sz w:val="24"/>
          <w:sz-cs w:val="24"/>
        </w:rPr>
        <w:t xml:space="preserve">}{\plain \tab MT:\tab Yes, yes, but later on she proved to be quite a brave woman during the war. So, then </w:t>
      </w:r>
    </w:p>
    <w:p>
      <w:pPr/>
      <w:r>
        <w:rPr>
          <w:rFonts w:ascii="Helvetica Light" w:hAnsi="Helvetica Light" w:cs="Helvetica Light"/>
          <w:sz w:val="24"/>
          <w:sz-cs w:val="24"/>
        </w:rPr>
        <w:t xml:space="preserve">it came to September 20, 1939.\par</w:t>
      </w:r>
    </w:p>
    <w:p>
      <w:pPr/>
      <w:r>
        <w:rPr>
          <w:rFonts w:ascii="Helvetica Light" w:hAnsi="Helvetica Light" w:cs="Helvetica Light"/>
          <w:sz w:val="24"/>
          <w:sz-cs w:val="24"/>
        </w:rPr>
        <w:t xml:space="preserve">}{\plain \tab JF:\tab You were born in 1934? Do you have much recollection of the pre-war period? Of </w:t>
      </w:r>
    </w:p>
    <w:p>
      <w:pPr/>
      <w:r>
        <w:rPr>
          <w:rFonts w:ascii="Helvetica Light" w:hAnsi="Helvetica Light" w:cs="Helvetica Light"/>
          <w:sz w:val="24"/>
          <w:sz-cs w:val="24"/>
        </w:rPr>
        <w:t xml:space="preserve">the atmosphere in your home village?\par</w:t>
      </w:r>
    </w:p>
    <w:p>
      <w:pPr/>
      <w:r>
        <w:rPr>
          <w:rFonts w:ascii="Helvetica Light" w:hAnsi="Helvetica Light" w:cs="Helvetica Light"/>
          <w:sz w:val="24"/>
          <w:sz-cs w:val="24"/>
        </w:rPr>
        <w:t xml:space="preserve">}{\plain \tab MT:\tab The only thing I remember there was no church. The Polish people did not have a </w:t>
      </w:r>
    </w:p>
    <w:p>
      <w:pPr/>
      <w:r>
        <w:rPr>
          <w:rFonts w:ascii="Helvetica Light" w:hAnsi="Helvetica Light" w:cs="Helvetica Light"/>
          <w:sz w:val="24"/>
          <w:sz-cs w:val="24"/>
        </w:rPr>
        <w:t xml:space="preserve">church. The Ukrainians had a church, so I remember going to the Ukrainian church once, and I </w:t>
      </w:r>
    </w:p>
    <w:p>
      <w:pPr/>
      <w:r>
        <w:rPr>
          <w:rFonts w:ascii="Helvetica Light" w:hAnsi="Helvetica Light" w:cs="Helvetica Light"/>
          <w:sz w:val="24"/>
          <w:sz-cs w:val="24"/>
        </w:rPr>
        <w:t xml:space="preserve">believe that either at that church or in a German church that we were baptized, but I think that it was </w:t>
      </w:r>
    </w:p>
    <w:p>
      <w:pPr/>
      <w:r>
        <w:rPr>
          <w:rFonts w:ascii="Helvetica Light" w:hAnsi="Helvetica Light" w:cs="Helvetica Light"/>
          <w:sz w:val="24"/>
          <w:sz-cs w:val="24"/>
        </w:rPr>
        <w:t xml:space="preserve">in the Ukrainian church, because they made some kind of deal that, as long as you didn\'92t have your </w:t>
      </w:r>
    </w:p>
    <w:p>
      <w:pPr/>
      <w:r>
        <w:rPr>
          <w:rFonts w:ascii="Helvetica Light" w:hAnsi="Helvetica Light" w:cs="Helvetica Light"/>
          <w:sz w:val="24"/>
          <w:sz-cs w:val="24"/>
        </w:rPr>
        <w:t xml:space="preserve">own, it\'92s the same deal if you go to theirs; it\'92s a Russian Orthodox church. As far as with Jewish </w:t>
      </w:r>
    </w:p>
    <w:p>
      <w:pPr/>
      <w:r>
        <w:rPr>
          <w:rFonts w:ascii="Helvetica Light" w:hAnsi="Helvetica Light" w:cs="Helvetica Light"/>
          <w:sz w:val="24"/>
          <w:sz-cs w:val="24"/>
        </w:rPr>
        <w:t xml:space="preserve">families, I remember around Christmastime they would come to our house. We had a post office--when I say a post office there was always only one post office in a territory, and, of course, they have </w:t>
      </w:r>
    </w:p>
    <w:p>
      <w:pPr/>
      <w:r>
        <w:rPr>
          <w:rFonts w:ascii="Helvetica Light" w:hAnsi="Helvetica Light" w:cs="Helvetica Light"/>
          <w:sz w:val="24"/>
          <w:sz-cs w:val="24"/>
        </w:rPr>
        <w:t xml:space="preserve">the big landowners, which one, I don\'92t know, I don\'92t think it was the Goldreich from the lumber yard. </w:t>
      </w:r>
    </w:p>
    <w:p>
      <w:pPr/>
      <w:r>
        <w:rPr>
          <w:rFonts w:ascii="Helvetica Light" w:hAnsi="Helvetica Light" w:cs="Helvetica Light"/>
          <w:sz w:val="24"/>
          <w:sz-cs w:val="24"/>
        </w:rPr>
        <w:t xml:space="preserve">I think there was three families.  I think there was one like a rabbi--he was not a rabbi--but he had the </w:t>
      </w:r>
    </w:p>
    <w:p>
      <w:pPr/>
      <w:r>
        <w:rPr>
          <w:rFonts w:ascii="Helvetica Light" w:hAnsi="Helvetica Light" w:cs="Helvetica Light"/>
          <w:sz w:val="24"/>
          <w:sz-cs w:val="24"/>
        </w:rPr>
        <w:t xml:space="preserve">right to give weddings to Jewish individuals, and he had all those other rights that they needed in that </w:t>
      </w:r>
    </w:p>
    <w:p>
      <w:pPr/>
      <w:r>
        <w:rPr>
          <w:rFonts w:ascii="Helvetica Light" w:hAnsi="Helvetica Light" w:cs="Helvetica Light"/>
          <w:sz w:val="24"/>
          <w:sz-cs w:val="24"/>
        </w:rPr>
        <w:t xml:space="preserve">territory as a religious group. He would come to visit us, but I think it was only to show us his </w:t>
      </w:r>
    </w:p>
    <w:p>
      <w:pPr/>
      <w:r>
        <w:rPr>
          <w:rFonts w:ascii="Helvetica Light" w:hAnsi="Helvetica Light" w:cs="Helvetica Light"/>
          <w:sz w:val="24"/>
          <w:sz-cs w:val="24"/>
        </w:rPr>
        <w:t xml:space="preserve">concern for our holiday, the way I see it now. Because why would he stop into our house when there </w:t>
      </w:r>
    </w:p>
    <w:p>
      <w:pPr/>
      <w:r>
        <w:rPr>
          <w:rFonts w:ascii="Helvetica Light" w:hAnsi="Helvetica Light" w:cs="Helvetica Light"/>
          <w:sz w:val="24"/>
          <w:sz-cs w:val="24"/>
        </w:rPr>
        <w:t xml:space="preserve">was preparation going on? I re\-member that he was dressed in dark--dark hat. He was always very </w:t>
      </w:r>
    </w:p>
    <w:p>
      <w:pPr/>
      <w:r>
        <w:rPr>
          <w:rFonts w:ascii="Helvetica Light" w:hAnsi="Helvetica Light" w:cs="Helvetica Light"/>
          <w:sz w:val="24"/>
          <w:sz-cs w:val="24"/>
        </w:rPr>
        <w:t xml:space="preserve">intelligent, very nicely spoken. I used to listen to people speak. For some reason it would give me a </w:t>
      </w:r>
    </w:p>
    <w:p>
      <w:pPr/>
      <w:r>
        <w:rPr>
          <w:rFonts w:ascii="Helvetica Light" w:hAnsi="Helvetica Light" w:cs="Helvetica Light"/>
          <w:sz w:val="24"/>
          <w:sz-cs w:val="24"/>
        </w:rPr>
        <w:t xml:space="preserve">good feeling if somebody spoke a beautiful language. I remember that individual was very intelligent, </w:t>
      </w:r>
    </w:p>
    <w:p>
      <w:pPr/>
      <w:r>
        <w:rPr>
          <w:rFonts w:ascii="Helvetica Light" w:hAnsi="Helvetica Light" w:cs="Helvetica Light"/>
          <w:sz w:val="24"/>
          <w:sz-cs w:val="24"/>
        </w:rPr>
        <w:t xml:space="preserve">he spoke a nice language, and, of course, I remember that parents did their utmost to accommodate </w:t>
      </w:r>
    </w:p>
    <w:p>
      <w:pPr/>
      <w:r>
        <w:rPr>
          <w:rFonts w:ascii="Helvetica Light" w:hAnsi="Helvetica Light" w:cs="Helvetica Light"/>
          <w:sz w:val="24"/>
          <w:sz-cs w:val="24"/>
        </w:rPr>
        <w:t xml:space="preserve">that individual. What his purpose was, I don\'92t know. I did not have a chance when I went up for my </w:t>
      </w:r>
    </w:p>
    <w:p>
      <w:pPr/>
      <w:r>
        <w:rPr>
          <w:rFonts w:ascii="Helvetica Light" w:hAnsi="Helvetica Light" w:cs="Helvetica Light"/>
          <w:sz w:val="24"/>
          <w:sz-cs w:val="24"/>
        </w:rPr>
        <w:t xml:space="preserve">father\'92s birthday that I could talk about it. It was such a short time, and we just talked about what </w:t>
      </w:r>
    </w:p>
    <w:p>
      <w:pPr/>
      <w:r>
        <w:rPr>
          <w:rFonts w:ascii="Helvetica Light" w:hAnsi="Helvetica Light" w:cs="Helvetica Light"/>
          <w:sz w:val="24"/>
          <w:sz-cs w:val="24"/>
        </w:rPr>
        <w:t xml:space="preserve">we went through and then we cried a little bit. To start talking about a war is bad. It\'92s always bad, </w:t>
      </w:r>
    </w:p>
    <w:p>
      <w:pPr/>
      <w:r>
        <w:rPr>
          <w:rFonts w:ascii="Helvetica Light" w:hAnsi="Helvetica Light" w:cs="Helvetica Light"/>
          <w:sz w:val="24"/>
          <w:sz-cs w:val="24"/>
        </w:rPr>
        <w:t xml:space="preserve">it just finishes everything. We never had a chance to touch base on that. But I remember they were </w:t>
      </w:r>
    </w:p>
    <w:p>
      <w:pPr/>
      <w:r>
        <w:rPr>
          <w:rFonts w:ascii="Helvetica Light" w:hAnsi="Helvetica Light" w:cs="Helvetica Light"/>
          <w:sz w:val="24"/>
          <w:sz-cs w:val="24"/>
        </w:rPr>
        <w:t xml:space="preserve">saying that anytime a bishop or some individual would be coming to that territory, he would be </w:t>
      </w:r>
    </w:p>
    <w:p>
      <w:pPr/>
      <w:r>
        <w:rPr>
          <w:rFonts w:ascii="Helvetica Light" w:hAnsi="Helvetica Light" w:cs="Helvetica Light"/>
          <w:sz w:val="24"/>
          <w:sz-cs w:val="24"/>
        </w:rPr>
        <w:t xml:space="preserve">representing a Jewish community. He would be there with the religious people way up front where </w:t>
      </w:r>
    </w:p>
    <w:p>
      <w:pPr/>
      <w:r>
        <w:rPr>
          <w:rFonts w:ascii="Helvetica Light" w:hAnsi="Helvetica Light" w:cs="Helvetica Light"/>
          <w:sz w:val="24"/>
          <w:sz-cs w:val="24"/>
        </w:rPr>
        <w:t xml:space="preserve">the bishop is, not where the people are. He would be with them, so whatever they did, they did it, the </w:t>
      </w:r>
    </w:p>
    <w:p>
      <w:pPr/>
      <w:r>
        <w:rPr>
          <w:rFonts w:ascii="Helvetica Light" w:hAnsi="Helvetica Light" w:cs="Helvetica Light"/>
          <w:sz w:val="24"/>
          <w:sz-cs w:val="24"/>
        </w:rPr>
        <w:t xml:space="preserve">way I see it, the way I would like to see it done; they did it right. They were co-operating with the </w:t>
      </w:r>
    </w:p>
    <w:p>
      <w:pPr/>
      <w:r>
        <w:rPr>
          <w:rFonts w:ascii="Helvetica Light" w:hAnsi="Helvetica Light" w:cs="Helvetica Light"/>
          <w:sz w:val="24"/>
          <w:sz-cs w:val="24"/>
        </w:rPr>
        <w:t xml:space="preserve">territory.\par</w:t>
      </w:r>
    </w:p>
    <w:p>
      <w:pPr/>
      <w:r>
        <w:rPr>
          <w:rFonts w:ascii="Helvetica Light" w:hAnsi="Helvetica Light" w:cs="Helvetica Light"/>
          <w:sz w:val="24"/>
          <w:sz-cs w:val="24"/>
        </w:rPr>
        <w:t xml:space="preserve">}{\plain \tab JF:\tab The Jewish families?\par</w:t>
      </w:r>
    </w:p>
    <w:p>
      <w:pPr/>
      <w:r>
        <w:rPr>
          <w:rFonts w:ascii="Helvetica Light" w:hAnsi="Helvetica Light" w:cs="Helvetica Light"/>
          <w:sz w:val="24"/>
          <w:sz-cs w:val="24"/>
        </w:rPr>
        <w:t xml:space="preserve">}{\plain \tab MT:\tab The Jewish families, because why would they have to send a--why would he go there </w:t>
      </w:r>
    </w:p>
    <w:p>
      <w:pPr/>
      <w:r>
        <w:rPr>
          <w:rFonts w:ascii="Helvetica Light" w:hAnsi="Helvetica Light" w:cs="Helvetica Light"/>
          <w:sz w:val="24"/>
          <w:sz-cs w:val="24"/>
        </w:rPr>
        <w:t xml:space="preserve">and sit at the pulpit whatever, with the Catholic representative, when Poland was free?\par</w:t>
      </w:r>
    </w:p>
    <w:p>
      <w:pPr/>
      <w:r>
        <w:rPr>
          <w:rFonts w:ascii="Helvetica Light" w:hAnsi="Helvetica Light" w:cs="Helvetica Light"/>
          <w:sz w:val="24"/>
          <w:sz-cs w:val="24"/>
        </w:rPr>
        <w:t xml:space="preserve">}{\plain \tab JF:\tab This was in a church that this meeting...\par</w:t>
      </w:r>
    </w:p>
    <w:p>
      <w:pPr/>
      <w:r>
        <w:rPr>
          <w:rFonts w:ascii="Helvetica Light" w:hAnsi="Helvetica Light" w:cs="Helvetica Light"/>
          <w:sz w:val="24"/>
          <w:sz-cs w:val="24"/>
        </w:rPr>
        <w:t xml:space="preserve">}{\plain \tab MT:\tab In a church.\par</w:t>
      </w:r>
    </w:p>
    <w:p>
      <w:pPr/>
      <w:r>
        <w:rPr>
          <w:rFonts w:ascii="Helvetica Light" w:hAnsi="Helvetica Light" w:cs="Helvetica Light"/>
          <w:sz w:val="24"/>
          <w:sz-cs w:val="24"/>
        </w:rPr>
        <w:t xml:space="preserve">}{\plain \tab JF:\tab And he would go alone, or he would have other Jewish people with him?\par</w:t>
      </w:r>
    </w:p>
    <w:p>
      <w:pPr/>
      <w:r>
        <w:rPr>
          <w:rFonts w:ascii="Helvetica Light" w:hAnsi="Helvetica Light" w:cs="Helvetica Light"/>
          <w:sz w:val="24"/>
          <w:sz-cs w:val="24"/>
        </w:rPr>
        <w:t xml:space="preserve">}{\plain \tab MT:\tab That I don\'92t know, but I know that my parents said that he was the representative of </w:t>
      </w:r>
    </w:p>
    <w:p>
      <w:pPr/>
      <w:r>
        <w:rPr>
          <w:rFonts w:ascii="Helvetica Light" w:hAnsi="Helvetica Light" w:cs="Helvetica Light"/>
          <w:sz w:val="24"/>
          <w:sz-cs w:val="24"/>
        </w:rPr>
        <w:t xml:space="preserve">the Jewish community, so he would also welcome the other head, of the religious head, into the </w:t>
      </w:r>
    </w:p>
    <w:p>
      <w:pPr/>
      <w:r>
        <w:rPr>
          <w:rFonts w:ascii="Helvetica Light" w:hAnsi="Helvetica Light" w:cs="Helvetica Light"/>
          <w:sz w:val="24"/>
          <w:sz-cs w:val="24"/>
        </w:rPr>
        <w:t xml:space="preserve">community.\par</w:t>
      </w:r>
    </w:p>
    <w:p>
      <w:pPr/>
      <w:r>
        <w:rPr>
          <w:rFonts w:ascii="Helvetica Light" w:hAnsi="Helvetica Light" w:cs="Helvetica Light"/>
          <w:sz w:val="24"/>
          <w:sz-cs w:val="24"/>
        </w:rPr>
        <w:t xml:space="preserve">}{\plain \tab JF:\tab What about the children? Was there contact between the Jewish and...\par</w:t>
      </w:r>
    </w:p>
    <w:p>
      <w:pPr/>
      <w:r>
        <w:rPr>
          <w:rFonts w:ascii="Helvetica Light" w:hAnsi="Helvetica Light" w:cs="Helvetica Light"/>
          <w:sz w:val="24"/>
          <w:sz-cs w:val="24"/>
        </w:rPr>
        <w:t xml:space="preserve">}{\plain \tab MT:\tab From Poland. I don\'92t remember. Like I said...\par</w:t>
      </w:r>
    </w:p>
    <w:p>
      <w:pPr/>
      <w:r>
        <w:rPr>
          <w:rFonts w:ascii="Helvetica Light" w:hAnsi="Helvetica Light" w:cs="Helvetica Light"/>
          <w:sz w:val="24"/>
          <w:sz-cs w:val="24"/>
        </w:rPr>
        <w:t xml:space="preserve">}{\plain \tab JF:\tab You were quite young.\par</w:t>
      </w:r>
    </w:p>
    <w:p>
      <w:pPr/>
      <w:r>
        <w:rPr>
          <w:rFonts w:ascii="Helvetica Light" w:hAnsi="Helvetica Light" w:cs="Helvetica Light"/>
          <w:sz w:val="24"/>
          <w:sz-cs w:val="24"/>
        </w:rPr>
        <w:t xml:space="preserve">}{\plain \tab MT: \tab Yes, I was in a kindergarten, but nobody ever said that somebody is Jewish, so I  </w:t>
      </w:r>
    </w:p>
    <w:p>
      <w:pPr/>
      <w:r>
        <w:rPr>
          <w:rFonts w:ascii="Helvetica Light" w:hAnsi="Helvetica Light" w:cs="Helvetica Light"/>
          <w:sz w:val="24"/>
          <w:sz-cs w:val="24"/>
        </w:rPr>
        <w:t xml:space="preserve">don\'92t, actually from Poland I don\'92t remember except that individual, that he spoke so well. He was </w:t>
      </w:r>
    </w:p>
    <w:p>
      <w:pPr/>
      <w:r>
        <w:rPr>
          <w:rFonts w:ascii="Helvetica Light" w:hAnsi="Helvetica Light" w:cs="Helvetica Light"/>
          <w:sz w:val="24"/>
          <w:sz-cs w:val="24"/>
        </w:rPr>
        <w:t xml:space="preserve">something special. I only remember that he was something special. I thought he was a doctor, but </w:t>
      </w:r>
    </w:p>
    <w:p>
      <w:pPr/>
      <w:r>
        <w:rPr>
          <w:rFonts w:ascii="Helvetica Light" w:hAnsi="Helvetica Light" w:cs="Helvetica Light"/>
          <w:sz w:val="24"/>
          <w:sz-cs w:val="24"/>
        </w:rPr>
        <w:t xml:space="preserve">then I was talking to a friend and they said he was like a rabbi, but not a rabbi.  He was a special </w:t>
      </w:r>
    </w:p>
    <w:p>
      <w:pPr/>
      <w:r>
        <w:rPr>
          <w:rFonts w:ascii="Helvetica Light" w:hAnsi="Helvetica Light" w:cs="Helvetica Light"/>
          <w:sz w:val="24"/>
          <w:sz-cs w:val="24"/>
        </w:rPr>
        <w:t xml:space="preserve">individual with a special philosophy of life, perhaps. But in Hungary, in Keszthely, Hungary--I was </w:t>
      </w:r>
    </w:p>
    <w:p>
      <w:pPr/>
      <w:r>
        <w:rPr>
          <w:rFonts w:ascii="Helvetica Light" w:hAnsi="Helvetica Light" w:cs="Helvetica Light"/>
          <w:sz w:val="24"/>
          <w:sz-cs w:val="24"/>
        </w:rPr>
        <w:t xml:space="preserve">already eleven, I think...\par</w:t>
      </w:r>
    </w:p>
    <w:p>
      <w:pPr/>
      <w:r>
        <w:rPr>
          <w:rFonts w:ascii="Helvetica Light" w:hAnsi="Helvetica Light" w:cs="Helvetica Light"/>
          <w:sz w:val="24"/>
          <w:sz-cs w:val="24"/>
        </w:rPr>
        <w:t xml:space="preserve">}{\plain \tab JF:\tab Before we get to that, perhaps we can speak of what happened in 1939 with the </w:t>
      </w:r>
    </w:p>
    <w:p>
      <w:pPr/>
      <w:r>
        <w:rPr>
          <w:rFonts w:ascii="Helvetica Light" w:hAnsi="Helvetica Light" w:cs="Helvetica Light"/>
          <w:sz w:val="24"/>
          <w:sz-cs w:val="24"/>
        </w:rPr>
        <w:t xml:space="preserve">invasion, as you recall it. \par</w:t>
      </w:r>
    </w:p>
    <w:p>
      <w:pPr/>
      <w:r>
        <w:rPr>
          <w:rFonts w:ascii="Helvetica Light" w:hAnsi="Helvetica Light" w:cs="Helvetica Light"/>
          <w:sz w:val="24"/>
          <w:sz-cs w:val="24"/>
        </w:rPr>
        <w:t xml:space="preserve">}{\plain \tab MT: \tab Well, as I recall, it was one beautiful morning around 10 o\'92clock. My aunt was with </w:t>
      </w:r>
    </w:p>
    <w:p>
      <w:pPr/>
      <w:r>
        <w:rPr>
          <w:rFonts w:ascii="Helvetica Light" w:hAnsi="Helvetica Light" w:cs="Helvetica Light"/>
          <w:sz w:val="24"/>
          <w:sz-cs w:val="24"/>
        </w:rPr>
        <w:t xml:space="preserve">this girl who was taking care of us. My aunt was crippled. She was my father\'92s sister, I don\'92t know </w:t>
      </w:r>
    </w:p>
    <w:p>
      <w:pPr/>
      <w:r>
        <w:rPr>
          <w:rFonts w:ascii="Helvetica Light" w:hAnsi="Helvetica Light" w:cs="Helvetica Light"/>
          <w:sz w:val="24"/>
          <w:sz-cs w:val="24"/>
        </w:rPr>
        <w:t xml:space="preserve">whether it happened in a camp, but something happened to her, and she was crippled, and my father\'92s </w:t>
      </w:r>
    </w:p>
    <w:p>
      <w:pPr/>
      <w:r>
        <w:rPr>
          <w:rFonts w:ascii="Helvetica Light" w:hAnsi="Helvetica Light" w:cs="Helvetica Light"/>
          <w:sz w:val="24"/>
          <w:sz-cs w:val="24"/>
        </w:rPr>
        <w:t xml:space="preserve">mother in the First World War, I\'92m going back to that, lost her marbles. She got mentally ill, I guess </w:t>
      </w:r>
    </w:p>
    <w:p>
      <w:pPr/>
      <w:r>
        <w:rPr>
          <w:rFonts w:ascii="Helvetica Light" w:hAnsi="Helvetica Light" w:cs="Helvetica Light"/>
          <w:sz w:val="24"/>
          <w:sz-cs w:val="24"/>
        </w:rPr>
        <w:t xml:space="preserve">because the death of her husband or something. Depression. Yes, she had depression. She was not </w:t>
      </w:r>
    </w:p>
    <w:p>
      <w:pPr/>
      <w:r>
        <w:rPr>
          <w:rFonts w:ascii="Helvetica Light" w:hAnsi="Helvetica Light" w:cs="Helvetica Light"/>
          <w:sz w:val="24"/>
          <w:sz-cs w:val="24"/>
        </w:rPr>
        <w:t xml:space="preserve">mentally ill, but--she was not old, she was not feeble.\par</w:t>
      </w:r>
    </w:p>
    <w:p>
      <w:pPr/>
      <w:r>
        <w:rPr>
          <w:rFonts w:ascii="Helvetica Light" w:hAnsi="Helvetica Light" w:cs="Helvetica Light"/>
          <w:sz w:val="24"/>
          <w:sz-cs w:val="24"/>
        </w:rPr>
        <w:t xml:space="preserve">}{\plain \tab JF:\tab You said she was depressed.\par</w:t>
      </w:r>
    </w:p>
    <w:p>
      <w:pPr/>
      <w:r>
        <w:rPr>
          <w:rFonts w:ascii="Helvetica Light" w:hAnsi="Helvetica Light" w:cs="Helvetica Light"/>
          <w:sz w:val="24"/>
          <w:sz-cs w:val="24"/>
        </w:rPr>
        <w:t xml:space="preserve">}{\plain \tab MT:\tab But she was depressed, and there could be some medical term for it. She did have </w:t>
      </w:r>
    </w:p>
    <w:p>
      <w:pPr/>
      <w:r>
        <w:rPr>
          <w:rFonts w:ascii="Helvetica Light" w:hAnsi="Helvetica Light" w:cs="Helvetica Light"/>
          <w:sz w:val="24"/>
          <w:sz-cs w:val="24"/>
        </w:rPr>
        <w:t xml:space="preserve">some mental problem later on, so that\'92s what actually hurt my father more than anything else, I guess. </w:t>
      </w:r>
    </w:p>
    <w:p>
      <w:pPr/>
      <w:r>
        <w:rPr>
          <w:rFonts w:ascii="Helvetica Light" w:hAnsi="Helvetica Light" w:cs="Helvetica Light"/>
          <w:sz w:val="24"/>
          <w:sz-cs w:val="24"/>
        </w:rPr>
        <w:t xml:space="preserve">He lost his father, and his mother and his sister was messed up. Well, going back to this, in--we were </w:t>
      </w:r>
    </w:p>
    <w:p>
      <w:pPr/>
      <w:r>
        <w:rPr>
          <w:rFonts w:ascii="Helvetica Light" w:hAnsi="Helvetica Light" w:cs="Helvetica Light"/>
          <w:sz w:val="24"/>
          <w:sz-cs w:val="24"/>
        </w:rPr>
        <w:t xml:space="preserve">before the war or when the war started?\par</w:t>
      </w:r>
    </w:p>
    <w:p>
      <w:pPr/>
      <w:r>
        <w:rPr>
          <w:rFonts w:ascii="Helvetica Light" w:hAnsi="Helvetica Light" w:cs="Helvetica Light"/>
          <w:sz w:val="24"/>
          <w:sz-cs w:val="24"/>
        </w:rPr>
        <w:t xml:space="preserve">}{\plain \tab JF:\tab Just in \'9139.\par</w:t>
      </w:r>
    </w:p>
    <w:p>
      <w:pPr/>
      <w:r>
        <w:rPr>
          <w:rFonts w:ascii="Helvetica Light" w:hAnsi="Helvetica Light" w:cs="Helvetica Light"/>
          <w:sz w:val="24"/>
          <w:sz-cs w:val="24"/>
        </w:rPr>
        <w:t xml:space="preserve">}{\plain \tab MT:\tab Just in \'9139.  When it started, we were in the garden playing around--I remember my </w:t>
      </w:r>
    </w:p>
    <w:p>
      <w:pPr/>
      <w:r>
        <w:rPr>
          <w:rFonts w:ascii="Helvetica Light" w:hAnsi="Helvetica Light" w:cs="Helvetica Light"/>
          <w:sz w:val="24"/>
          <w:sz-cs w:val="24"/>
        </w:rPr>
        <w:t xml:space="preserve">father had bees there and bee hives and he told me to stay away from them, and it was so nice to sit </w:t>
      </w:r>
    </w:p>
    <w:p>
      <w:pPr/>
      <w:r>
        <w:rPr>
          <w:rFonts w:ascii="Helvetica Light" w:hAnsi="Helvetica Light" w:cs="Helvetica Light"/>
          <w:sz w:val="24"/>
          <w:sz-cs w:val="24"/>
        </w:rPr>
        <w:t xml:space="preserve">there, observing them land on the flowers and then go back into beehive, and all of a sudden, </w:t>
      </w:r>
    </w:p>
    <w:p>
      <w:pPr/>
      <w:r>
        <w:rPr>
          <w:rFonts w:ascii="Helvetica Light" w:hAnsi="Helvetica Light" w:cs="Helvetica Light"/>
          <w:sz w:val="24"/>
          <w:sz-cs w:val="24"/>
        </w:rPr>
        <w:t xml:space="preserve">something is flying over our heads, something I never heard before. This sound that I never heard </w:t>
      </w:r>
    </w:p>
    <w:p>
      <w:pPr/>
      <w:r>
        <w:rPr>
          <w:rFonts w:ascii="Helvetica Light" w:hAnsi="Helvetica Light" w:cs="Helvetica Light"/>
          <w:sz w:val="24"/>
          <w:sz-cs w:val="24"/>
        </w:rPr>
        <w:t xml:space="preserve">before, big birds, airplanes.\par</w:t>
      </w:r>
    </w:p>
    <w:p>
      <w:pPr/>
      <w:r>
        <w:rPr>
          <w:rFonts w:ascii="Helvetica Light" w:hAnsi="Helvetica Light" w:cs="Helvetica Light"/>
          <w:sz w:val="24"/>
          <w:sz-cs w:val="24"/>
        </w:rPr>
        <w:t xml:space="preserve">}{\plain \tab JF:\tab You had never seen them before?\par</w:t>
      </w:r>
    </w:p>
    <w:p>
      <w:pPr/>
      <w:r>
        <w:rPr>
          <w:rFonts w:ascii="Helvetica Light" w:hAnsi="Helvetica Light" w:cs="Helvetica Light"/>
          <w:sz w:val="24"/>
          <w:sz-cs w:val="24"/>
        </w:rPr>
        <w:t xml:space="preserve">}{\plain \tab MT:\tab No. Airplanes flew over our heads. Since we had a post office, we had a radio. </w:t>
      </w:r>
    </w:p>
    <w:p>
      <w:pPr/>
      <w:r>
        <w:rPr>
          <w:rFonts w:ascii="Helvetica Light" w:hAnsi="Helvetica Light" w:cs="Helvetica Light"/>
          <w:sz w:val="24"/>
          <w:sz-cs w:val="24"/>
        </w:rPr>
        <w:t xml:space="preserve">Somebody yelled out, \'93Hitler started a war.\'94 Those were the German planes and then there was some </w:t>
      </w:r>
    </w:p>
    <w:p>
      <w:pPr/>
      <w:r>
        <w:rPr>
          <w:rFonts w:ascii="Helvetica Light" w:hAnsi="Helvetica Light" w:cs="Helvetica Light"/>
          <w:sz w:val="24"/>
          <w:sz-cs w:val="24"/>
        </w:rPr>
        <w:t xml:space="preserve">explosions, or machine gun fires--I remember something. But there was nothing around us that </w:t>
      </w:r>
    </w:p>
    <w:p>
      <w:pPr/>
      <w:r>
        <w:rPr>
          <w:rFonts w:ascii="Helvetica Light" w:hAnsi="Helvetica Light" w:cs="Helvetica Light"/>
          <w:sz w:val="24"/>
          <w:sz-cs w:val="24"/>
        </w:rPr>
        <w:t xml:space="preserve">happened, but I remember that my aunt was hiding us under trees. I think they were using machine </w:t>
      </w:r>
    </w:p>
    <w:p>
      <w:pPr/>
      <w:r>
        <w:rPr>
          <w:rFonts w:ascii="Helvetica Light" w:hAnsi="Helvetica Light" w:cs="Helvetica Light"/>
          <w:sz w:val="24"/>
          <w:sz-cs w:val="24"/>
        </w:rPr>
        <w:t xml:space="preserve">guns, the fighter planes, probably, now I am thinking about how it is. This squadron is organized, </w:t>
      </w:r>
    </w:p>
    <w:p>
      <w:pPr/>
      <w:r>
        <w:rPr>
          <w:rFonts w:ascii="Helvetica Light" w:hAnsi="Helvetica Light" w:cs="Helvetica Light"/>
          <w:sz w:val="24"/>
          <w:sz-cs w:val="24"/>
        </w:rPr>
        <w:t xml:space="preserve">bombers and fighter planes to make sure that nobody will start anything. Because later on I heard </w:t>
      </w:r>
    </w:p>
    <w:p>
      <w:pPr/>
      <w:r>
        <w:rPr>
          <w:rFonts w:ascii="Helvetica Light" w:hAnsi="Helvetica Light" w:cs="Helvetica Light"/>
          <w:sz w:val="24"/>
          <w:sz-cs w:val="24"/>
        </w:rPr>
        <w:t xml:space="preserve">stories that they were machine gunning the cabbage patches because it looked like organized army </w:t>
      </w:r>
    </w:p>
    <w:p>
      <w:pPr/>
      <w:r>
        <w:rPr>
          <w:rFonts w:ascii="Helvetica Light" w:hAnsi="Helvetica Light" w:cs="Helvetica Light"/>
          <w:sz w:val="24"/>
          <w:sz-cs w:val="24"/>
        </w:rPr>
        <w:t xml:space="preserve">or something. They were in rows, and could have looked like army men. Then, I don\'92t remember too </w:t>
      </w:r>
    </w:p>
    <w:p>
      <w:pPr/>
      <w:r>
        <w:rPr>
          <w:rFonts w:ascii="Helvetica Light" w:hAnsi="Helvetica Light" w:cs="Helvetica Light"/>
          <w:sz w:val="24"/>
          <w:sz-cs w:val="24"/>
        </w:rPr>
        <w:t xml:space="preserve">much. That happened like, I guess, for two weeks. It was a lot of commotion, and we were like being </w:t>
      </w:r>
    </w:p>
    <w:p>
      <w:pPr/>
      <w:r>
        <w:rPr>
          <w:rFonts w:ascii="Helvetica Light" w:hAnsi="Helvetica Light" w:cs="Helvetica Light"/>
          <w:sz w:val="24"/>
          <w:sz-cs w:val="24"/>
        </w:rPr>
        <w:t xml:space="preserve">neglected. There was always something going on. Everybody was always meeting and lot of talking, </w:t>
      </w:r>
    </w:p>
    <w:p>
      <w:pPr/>
      <w:r>
        <w:rPr>
          <w:rFonts w:ascii="Helvetica Light" w:hAnsi="Helvetica Light" w:cs="Helvetica Light"/>
          <w:sz w:val="24"/>
          <w:sz-cs w:val="24"/>
        </w:rPr>
        <w:t xml:space="preserve">an awful lot of talking and not too much time to spend with us. Everybody was always busy. Now, </w:t>
      </w:r>
    </w:p>
    <w:p>
      <w:pPr/>
      <w:r>
        <w:rPr>
          <w:rFonts w:ascii="Helvetica Light" w:hAnsi="Helvetica Light" w:cs="Helvetica Light"/>
          <w:sz w:val="24"/>
          <w:sz-cs w:val="24"/>
        </w:rPr>
        <w:t xml:space="preserve">all of a sudden my father is leaving, and I couldn\'92t tolerate it. I started banging my head, my mom </w:t>
      </w:r>
    </w:p>
    <w:p>
      <w:pPr/>
      <w:r>
        <w:rPr>
          <w:rFonts w:ascii="Helvetica Light" w:hAnsi="Helvetica Light" w:cs="Helvetica Light"/>
          <w:sz w:val="24"/>
          <w:sz-cs w:val="24"/>
        </w:rPr>
        <w:t xml:space="preserve">tells me, I didn\'92t even remember it, against the ground, crying, \'93Why do you have to leave us?\'94 He </w:t>
      </w:r>
    </w:p>
    <w:p>
      <w:pPr/>
      <w:r>
        <w:rPr>
          <w:rFonts w:ascii="Helvetica Light" w:hAnsi="Helvetica Light" w:cs="Helvetica Light"/>
          <w:sz w:val="24"/>
          <w:sz-cs w:val="24"/>
        </w:rPr>
        <w:t xml:space="preserve">was going to the war. He was going to jump on one of the tanks that were driving by us, by our </w:t>
      </w:r>
    </w:p>
    <w:p>
      <w:pPr/>
      <w:r>
        <w:rPr>
          <w:rFonts w:ascii="Helvetica Light" w:hAnsi="Helvetica Light" w:cs="Helvetica Light"/>
          <w:sz w:val="24"/>
          <w:sz-cs w:val="24"/>
        </w:rPr>
        <w:t xml:space="preserve">territory, to go to the war to fight the Hitler. But one of his officers that knew him from the military </w:t>
      </w:r>
    </w:p>
    <w:p>
      <w:pPr/>
      <w:r>
        <w:rPr>
          <w:rFonts w:ascii="Helvetica Light" w:hAnsi="Helvetica Light" w:cs="Helvetica Light"/>
          <w:sz w:val="24"/>
          <w:sz-cs w:val="24"/>
        </w:rPr>
        <w:t xml:space="preserve">service, said, \'93Mr. Turzanski, your place is at home with your children. This is going to be a terrible </w:t>
      </w:r>
    </w:p>
    <w:p>
      <w:pPr/>
      <w:r>
        <w:rPr>
          <w:rFonts w:ascii="Helvetica Light" w:hAnsi="Helvetica Light" w:cs="Helvetica Light"/>
          <w:sz w:val="24"/>
          <w:sz-cs w:val="24"/>
        </w:rPr>
        <w:t xml:space="preserve">war. I am a professional and I am telling you that.\'94 And, he, more or less, threw him off the tank, so </w:t>
      </w:r>
    </w:p>
    <w:p>
      <w:pPr/>
      <w:r>
        <w:rPr>
          <w:rFonts w:ascii="Helvetica Light" w:hAnsi="Helvetica Light" w:cs="Helvetica Light"/>
          <w:sz w:val="24"/>
          <w:sz-cs w:val="24"/>
        </w:rPr>
        <w:t xml:space="preserve">my father came back.\par</w:t>
      </w:r>
    </w:p>
    <w:p>
      <w:pPr/>
      <w:r>
        <w:rPr>
          <w:rFonts w:ascii="Helvetica Light" w:hAnsi="Helvetica Light" w:cs="Helvetica Light"/>
          <w:sz w:val="24"/>
          <w:sz-cs w:val="24"/>
        </w:rPr>
        <w:t xml:space="preserve">}{\plain \tab JF:\tab He had been in the army previously, then?\par</w:t>
      </w:r>
    </w:p>
    <w:p>
      <w:pPr/>
      <w:r>
        <w:rPr>
          <w:rFonts w:ascii="Helvetica Light" w:hAnsi="Helvetica Light" w:cs="Helvetica Light"/>
          <w:sz w:val="24"/>
          <w:sz-cs w:val="24"/>
        </w:rPr>
        <w:t xml:space="preserve">}{\plain \tab MT:\tab Everybody had to be in Europe. You had to serve, and, I think, it\'92s longer than in the </w:t>
      </w:r>
    </w:p>
    <w:p>
      <w:pPr/>
      <w:r>
        <w:rPr>
          <w:rFonts w:ascii="Helvetica Light" w:hAnsi="Helvetica Light" w:cs="Helvetica Light"/>
          <w:sz w:val="24"/>
          <w:sz-cs w:val="24"/>
        </w:rPr>
        <w:t xml:space="preserve">United States. I think you had to serve four years or something like that.\par</w:t>
      </w:r>
    </w:p>
    <w:p>
      <w:pPr/>
      <w:r>
        <w:rPr>
          <w:rFonts w:ascii="Helvetica Light" w:hAnsi="Helvetica Light" w:cs="Helvetica Light"/>
          <w:sz w:val="24"/>
          <w:sz-cs w:val="24"/>
        </w:rPr>
        <w:t xml:space="preserve">}{\plain \tab JF:\tab But, this is after the First World War.\par</w:t>
      </w:r>
    </w:p>
    <w:p>
      <w:pPr/>
      <w:r>
        <w:rPr>
          <w:rFonts w:ascii="Helvetica Light" w:hAnsi="Helvetica Light" w:cs="Helvetica Light"/>
          <w:sz w:val="24"/>
          <w:sz-cs w:val="24"/>
        </w:rPr>
        <w:t xml:space="preserve">}{\plain \tab MT:\tab After the First World War. Yes, and he had a rank of officer. He did his duty. Then </w:t>
      </w:r>
    </w:p>
    <w:p>
      <w:pPr/>
      <w:r>
        <w:rPr>
          <w:rFonts w:ascii="Helvetica Light" w:hAnsi="Helvetica Light" w:cs="Helvetica Light"/>
          <w:sz w:val="24"/>
          <w:sz-cs w:val="24"/>
        </w:rPr>
        <w:t xml:space="preserve">one morning I remember, I heard a dog bark. Now, I learned it was September 20, 1939. Early in the </w:t>
      </w:r>
    </w:p>
    <w:p>
      <w:pPr/>
      <w:r>
        <w:rPr>
          <w:rFonts w:ascii="Helvetica Light" w:hAnsi="Helvetica Light" w:cs="Helvetica Light"/>
          <w:sz w:val="24"/>
          <w:sz-cs w:val="24"/>
        </w:rPr>
        <w:t xml:space="preserve">morning, the dog started to bark something terrible outside. We didn\'92t have dogs inside the house, </w:t>
      </w:r>
    </w:p>
    <w:p>
      <w:pPr/>
      <w:r>
        <w:rPr>
          <w:rFonts w:ascii="Helvetica Light" w:hAnsi="Helvetica Light" w:cs="Helvetica Light"/>
          <w:sz w:val="24"/>
          <w:sz-cs w:val="24"/>
        </w:rPr>
        <w:t xml:space="preserve">only outside.  It was to protect the house from the wolves and the strangers, I guess.  He was on a </w:t>
      </w:r>
    </w:p>
    <w:p>
      <w:pPr/>
      <w:r>
        <w:rPr>
          <w:rFonts w:ascii="Helvetica Light" w:hAnsi="Helvetica Light" w:cs="Helvetica Light"/>
          <w:sz w:val="24"/>
          <w:sz-cs w:val="24"/>
        </w:rPr>
        <w:t xml:space="preserve">chain, and then I heard some kind of yelling, screaming, and the dog did not bark anymore.  Then my </w:t>
      </w:r>
    </w:p>
    <w:p>
      <w:pPr/>
      <w:r>
        <w:rPr>
          <w:rFonts w:ascii="Helvetica Light" w:hAnsi="Helvetica Light" w:cs="Helvetica Light"/>
          <w:sz w:val="24"/>
          <w:sz-cs w:val="24"/>
        </w:rPr>
        <w:t xml:space="preserve">mother screamed. She ran out. So, we ran out. They were trying to kill my father. Now at that time </w:t>
      </w:r>
    </w:p>
    <w:p>
      <w:pPr/>
      <w:r>
        <w:rPr>
          <w:rFonts w:ascii="Helvetica Light" w:hAnsi="Helvetica Light" w:cs="Helvetica Light"/>
          <w:sz w:val="24"/>
          <w:sz-cs w:val="24"/>
        </w:rPr>
        <w:t xml:space="preserve">I did not know who \'93they\'94 were, so-called \'93they\'94. It was Ukrainians from different village that came </w:t>
      </w:r>
    </w:p>
    <w:p>
      <w:pPr/>
      <w:r>
        <w:rPr>
          <w:rFonts w:ascii="Helvetica Light" w:hAnsi="Helvetica Light" w:cs="Helvetica Light"/>
          <w:sz w:val="24"/>
          <w:sz-cs w:val="24"/>
        </w:rPr>
        <w:t xml:space="preserve">to our village with the news that Poles are killing Ukrainians in their territory, so they came to </w:t>
      </w:r>
    </w:p>
    <w:p>
      <w:pPr/>
      <w:r>
        <w:rPr>
          <w:rFonts w:ascii="Helvetica Light" w:hAnsi="Helvetica Light" w:cs="Helvetica Light"/>
          <w:sz w:val="24"/>
          <w:sz-cs w:val="24"/>
        </w:rPr>
        <w:t xml:space="preserve">revenge that act, and to stir up the rest of the Ukrainians to do the same. Well, they killed that dog </w:t>
      </w:r>
    </w:p>
    <w:p>
      <w:pPr/>
      <w:r>
        <w:rPr>
          <w:rFonts w:ascii="Helvetica Light" w:hAnsi="Helvetica Light" w:cs="Helvetica Light"/>
          <w:sz w:val="24"/>
          <w:sz-cs w:val="24"/>
        </w:rPr>
        <w:t xml:space="preserve">and he wanted to--he lifted, one of the leaders lifted the cane to hit my father who was bald-headed--I </w:t>
      </w:r>
    </w:p>
    <w:p>
      <w:pPr/>
      <w:r>
        <w:rPr>
          <w:rFonts w:ascii="Helvetica Light" w:hAnsi="Helvetica Light" w:cs="Helvetica Light"/>
          <w:sz w:val="24"/>
          <w:sz-cs w:val="24"/>
        </w:rPr>
        <w:t xml:space="preserve">don\'92t know how it happened but they said it happened overnight. Something, maybe when the war </w:t>
      </w:r>
    </w:p>
    <w:p>
      <w:pPr/>
      <w:r>
        <w:rPr>
          <w:rFonts w:ascii="Helvetica Light" w:hAnsi="Helvetica Light" w:cs="Helvetica Light"/>
          <w:sz w:val="24"/>
          <w:sz-cs w:val="24"/>
        </w:rPr>
        <w:t xml:space="preserve">started. He was going to smash him on the head with a cane. A cane was a weapon in those days. The </w:t>
      </w:r>
    </w:p>
    <w:p>
      <w:pPr/>
      <w:r>
        <w:rPr>
          <w:rFonts w:ascii="Helvetica Light" w:hAnsi="Helvetica Light" w:cs="Helvetica Light"/>
          <w:sz w:val="24"/>
          <w:sz-cs w:val="24"/>
        </w:rPr>
        <w:t xml:space="preserve">cane had a sharp metal tip on the end, very sharp; this was to protect yourself from wolves, because </w:t>
      </w:r>
    </w:p>
    <w:p>
      <w:pPr/>
      <w:r>
        <w:rPr>
          <w:rFonts w:ascii="Helvetica Light" w:hAnsi="Helvetica Light" w:cs="Helvetica Light"/>
          <w:sz w:val="24"/>
          <w:sz-cs w:val="24"/>
        </w:rPr>
        <w:t xml:space="preserve">you had to do an awful lot of walking through the woods, and, the wolves were the bad thing in those </w:t>
      </w:r>
    </w:p>
    <w:p>
      <w:pPr/>
      <w:r>
        <w:rPr>
          <w:rFonts w:ascii="Helvetica Light" w:hAnsi="Helvetica Light" w:cs="Helvetica Light"/>
          <w:sz w:val="24"/>
          <w:sz-cs w:val="24"/>
        </w:rPr>
        <w:t xml:space="preserve">days. Dogs were no problem, but wolves were, and the people, in case you would have to protect </w:t>
      </w:r>
    </w:p>
    <w:p>
      <w:pPr/>
      <w:r>
        <w:rPr>
          <w:rFonts w:ascii="Helvetica Light" w:hAnsi="Helvetica Light" w:cs="Helvetica Light"/>
          <w:sz w:val="24"/>
          <w:sz-cs w:val="24"/>
        </w:rPr>
        <w:t xml:space="preserve">yourself. It was just like in the old days, they had what? The sword. The cane was just like that.\par</w:t>
      </w:r>
    </w:p>
    <w:p>
      <w:pPr/>
      <w:r>
        <w:rPr>
          <w:rFonts w:ascii="Helvetica Light" w:hAnsi="Helvetica Light" w:cs="Helvetica Light"/>
          <w:sz w:val="24"/>
          <w:sz-cs w:val="24"/>
        </w:rPr>
        <w:t xml:space="preserve">}{\plain \tab JF:\tab So this was cane that grew and was then supplemented by an iron or metal tip of some </w:t>
      </w:r>
    </w:p>
    <w:p>
      <w:pPr/>
      <w:r>
        <w:rPr>
          <w:rFonts w:ascii="Helvetica Light" w:hAnsi="Helvetica Light" w:cs="Helvetica Light"/>
          <w:sz w:val="24"/>
          <w:sz-cs w:val="24"/>
        </w:rPr>
        <w:t xml:space="preserve">kind...\par</w:t>
      </w:r>
    </w:p>
    <w:p>
      <w:pPr/>
      <w:r>
        <w:rPr>
          <w:rFonts w:ascii="Helvetica Light" w:hAnsi="Helvetica Light" w:cs="Helvetica Light"/>
          <w:sz w:val="24"/>
          <w:sz-cs w:val="24"/>
        </w:rPr>
        <w:t xml:space="preserve">}{\plain \tab MT:\tab Yes it was a regular walking cane, a walking cane with a special tool. Some of them </w:t>
      </w:r>
    </w:p>
    <w:p>
      <w:pPr/>
      <w:r>
        <w:rPr>
          <w:rFonts w:ascii="Helvetica Light" w:hAnsi="Helvetica Light" w:cs="Helvetica Light"/>
          <w:sz w:val="24"/>
          <w:sz-cs w:val="24"/>
        </w:rPr>
        <w:t xml:space="preserve">had even long knives inside.  When you turned the handle, you could pull it out, there was a sharp </w:t>
      </w:r>
    </w:p>
    <w:p>
      <w:pPr/>
      <w:r>
        <w:rPr>
          <w:rFonts w:ascii="Helvetica Light" w:hAnsi="Helvetica Light" w:cs="Helvetica Light"/>
          <w:sz w:val="24"/>
          <w:sz-cs w:val="24"/>
        </w:rPr>
        <w:t xml:space="preserve">knife.\par</w:t>
      </w:r>
    </w:p>
    <w:p>
      <w:pPr/>
      <w:r>
        <w:rPr>
          <w:rFonts w:ascii="Helvetica Light" w:hAnsi="Helvetica Light" w:cs="Helvetica Light"/>
          <w:sz w:val="24"/>
          <w:sz-cs w:val="24"/>
        </w:rPr>
        <w:t xml:space="preserve">}{\plain \tab JF:\tab Almost like a bayonet.\par</w:t>
      </w:r>
    </w:p>
    <w:p>
      <w:pPr/>
      <w:r>
        <w:rPr>
          <w:rFonts w:ascii="Helvetica Light" w:hAnsi="Helvetica Light" w:cs="Helvetica Light"/>
          <w:sz w:val="24"/>
          <w:sz-cs w:val="24"/>
        </w:rPr>
        <w:t xml:space="preserve">}{\plain \tab MT: \tab Yes, they had those things in those days, for some reason, that\'92s what they used to </w:t>
      </w:r>
    </w:p>
    <w:p>
      <w:pPr/>
      <w:r>
        <w:rPr>
          <w:rFonts w:ascii="Helvetica Light" w:hAnsi="Helvetica Light" w:cs="Helvetica Light"/>
          <w:sz w:val="24"/>
          <w:sz-cs w:val="24"/>
        </w:rPr>
        <w:t xml:space="preserve">kill the dog with, that sharp point they pierced the dog with, and he went. He wanted to do that to </w:t>
      </w:r>
    </w:p>
    <w:p>
      <w:pPr/>
      <w:r>
        <w:rPr>
          <w:rFonts w:ascii="Helvetica Light" w:hAnsi="Helvetica Light" w:cs="Helvetica Light"/>
          <w:sz w:val="24"/>
          <w:sz-cs w:val="24"/>
        </w:rPr>
        <w:t xml:space="preserve">my father. That\'92s when my mother, I guess noticed, she screamed, she ran out, \'93You have to kill me </w:t>
      </w:r>
    </w:p>
    <w:p>
      <w:pPr/>
      <w:r>
        <w:rPr>
          <w:rFonts w:ascii="Helvetica Light" w:hAnsi="Helvetica Light" w:cs="Helvetica Light"/>
          <w:sz w:val="24"/>
          <w:sz-cs w:val="24"/>
        </w:rPr>
        <w:t xml:space="preserve">first before you kill him.\'94  Well, then, there was an awful lot of excitement. The guy in charge of our </w:t>
      </w:r>
    </w:p>
    <w:p>
      <w:pPr/>
      <w:r>
        <w:rPr>
          <w:rFonts w:ascii="Helvetica Light" w:hAnsi="Helvetica Light" w:cs="Helvetica Light"/>
          <w:sz w:val="24"/>
          <w:sz-cs w:val="24"/>
        </w:rPr>
        <w:t xml:space="preserve">post office, he was Ukrainian. They were all Ukrainians, people living in our facility, not the same </w:t>
      </w:r>
    </w:p>
    <w:p>
      <w:pPr/>
      <w:r>
        <w:rPr>
          <w:rFonts w:ascii="Helvetica Light" w:hAnsi="Helvetica Light" w:cs="Helvetica Light"/>
          <w:sz w:val="24"/>
          <w:sz-cs w:val="24"/>
        </w:rPr>
        <w:t xml:space="preserve">house, the girl did with us, but the rest of them just had their facilities. He jumped in and he grabbed </w:t>
      </w:r>
    </w:p>
    <w:p>
      <w:pPr/>
      <w:r>
        <w:rPr>
          <w:rFonts w:ascii="Helvetica Light" w:hAnsi="Helvetica Light" w:cs="Helvetica Light"/>
          <w:sz w:val="24"/>
          <w:sz-cs w:val="24"/>
        </w:rPr>
        <w:t xml:space="preserve">the cane and says, \'93I am in charge here.\'94 They wanted weapons; my father had a lot of weapons. \'93I </w:t>
      </w:r>
    </w:p>
    <w:p>
      <w:pPr/>
      <w:r>
        <w:rPr>
          <w:rFonts w:ascii="Helvetica Light" w:hAnsi="Helvetica Light" w:cs="Helvetica Light"/>
          <w:sz w:val="24"/>
          <w:sz-cs w:val="24"/>
        </w:rPr>
        <w:t xml:space="preserve">am in charge here. I have the keys. I have the weapons. You talk to me.\'94\par</w:t>
      </w:r>
    </w:p>
    <w:p>
      <w:pPr/>
      <w:r>
        <w:rPr>
          <w:rFonts w:ascii="Helvetica Light" w:hAnsi="Helvetica Light" w:cs="Helvetica Light"/>
          <w:sz w:val="24"/>
          <w:sz-cs w:val="24"/>
        </w:rPr>
        <w:t xml:space="preserve">}{\plain \tab JF:\tab So, your own Ukrainian friend saved you?\par</w:t>
      </w:r>
    </w:p>
    <w:p>
      <w:pPr/>
      <w:r>
        <w:rPr>
          <w:rFonts w:ascii="Helvetica Light" w:hAnsi="Helvetica Light" w:cs="Helvetica Light"/>
          <w:sz w:val="24"/>
          <w:sz-cs w:val="24"/>
        </w:rPr>
        <w:t xml:space="preserve">}{\plain \tab MT:\tab Yes, and then he whispered in my parents\'92 ear, \'93Run, be\-cause all they are looking for </w:t>
      </w:r>
    </w:p>
    <w:p>
      <w:pPr/>
      <w:r>
        <w:rPr>
          <w:rFonts w:ascii="Helvetica Light" w:hAnsi="Helvetica Light" w:cs="Helvetica Light"/>
          <w:sz w:val="24"/>
          <w:sz-cs w:val="24"/>
        </w:rPr>
        <w:t xml:space="preserve">is the taste of blood, and then nobody will be able to stop them.\'94 That was six in the morning. My </w:t>
      </w:r>
    </w:p>
    <w:p>
      <w:pPr/>
      <w:r>
        <w:rPr>
          <w:rFonts w:ascii="Helvetica Light" w:hAnsi="Helvetica Light" w:cs="Helvetica Light"/>
          <w:sz w:val="24"/>
          <w:sz-cs w:val="24"/>
        </w:rPr>
        <w:t xml:space="preserve">youngest brother was two weeks old, so my mother was just after delivery, and in those days you </w:t>
      </w:r>
    </w:p>
    <w:p>
      <w:pPr/>
      <w:r>
        <w:rPr>
          <w:rFonts w:ascii="Helvetica Light" w:hAnsi="Helvetica Light" w:cs="Helvetica Light"/>
          <w:sz w:val="24"/>
          <w:sz-cs w:val="24"/>
        </w:rPr>
        <w:t xml:space="preserve">deliv\-ered at home if everything was normal. My younger brother--there was four of us--my younger </w:t>
      </w:r>
    </w:p>
    <w:p>
      <w:pPr/>
      <w:r>
        <w:rPr>
          <w:rFonts w:ascii="Helvetica Light" w:hAnsi="Helvetica Light" w:cs="Helvetica Light"/>
          <w:sz w:val="24"/>
          <w:sz-cs w:val="24"/>
        </w:rPr>
        <w:t xml:space="preserve">brother didn\'92t even have his shoes on his feet yet. Nobody had a chance to put on--there was so much </w:t>
      </w:r>
    </w:p>
    <w:p>
      <w:pPr/>
      <w:r>
        <w:rPr>
          <w:rFonts w:ascii="Helvetica Light" w:hAnsi="Helvetica Light" w:cs="Helvetica Light"/>
          <w:sz w:val="24"/>
          <w:sz-cs w:val="24"/>
        </w:rPr>
        <w:t xml:space="preserve">commotion. We grabbed something. Somebody put shoes on us, I guess. We ran towards the </w:t>
      </w:r>
    </w:p>
    <w:p>
      <w:pPr/>
      <w:r>
        <w:rPr>
          <w:rFonts w:ascii="Helvetica Light" w:hAnsi="Helvetica Light" w:cs="Helvetica Light"/>
          <w:sz w:val="24"/>
          <w:sz-cs w:val="24"/>
        </w:rPr>
        <w:t xml:space="preserve">Hungarian border to run away from this. It was in the fall, so that means after the wheat was cut </w:t>
      </w:r>
    </w:p>
    <w:p>
      <w:pPr/>
      <w:r>
        <w:rPr>
          <w:rFonts w:ascii="Helvetica Light" w:hAnsi="Helvetica Light" w:cs="Helvetica Light"/>
          <w:sz w:val="24"/>
          <w:sz-cs w:val="24"/>
        </w:rPr>
        <w:t xml:space="preserve">down. There was no corn, but there was wheat, and those jaggedy things were sticking up. My </w:t>
      </w:r>
    </w:p>
    <w:p>
      <w:pPr/>
      <w:r>
        <w:rPr>
          <w:rFonts w:ascii="Helvetica Light" w:hAnsi="Helvetica Light" w:cs="Helvetica Light"/>
          <w:sz w:val="24"/>
          <w:sz-cs w:val="24"/>
        </w:rPr>
        <w:t xml:space="preserve">younger brother\'92s feet started to bleed, so then I don\'92t know who had to carry him. My mother was </w:t>
      </w:r>
    </w:p>
    <w:p>
      <w:pPr/>
      <w:r>
        <w:rPr>
          <w:rFonts w:ascii="Helvetica Light" w:hAnsi="Helvetica Light" w:cs="Helvetica Light"/>
          <w:sz w:val="24"/>
          <w:sz-cs w:val="24"/>
        </w:rPr>
        <w:t xml:space="preserve">carrying the youngest. There was no shoes. But two Ukrainians ran after us, I remember they were </w:t>
      </w:r>
    </w:p>
    <w:p>
      <w:pPr/>
      <w:r>
        <w:rPr>
          <w:rFonts w:ascii="Helvetica Light" w:hAnsi="Helvetica Light" w:cs="Helvetica Light"/>
          <w:sz w:val="24"/>
          <w:sz-cs w:val="24"/>
        </w:rPr>
        <w:t xml:space="preserve">shooting in the woods, but in the woods when you shoot, the bullets don\'92t travel too far. They were </w:t>
      </w:r>
    </w:p>
    <w:p>
      <w:pPr/>
      <w:r>
        <w:rPr>
          <w:rFonts w:ascii="Helvetica Light" w:hAnsi="Helvetica Light" w:cs="Helvetica Light"/>
          <w:sz w:val="24"/>
          <w:sz-cs w:val="24"/>
        </w:rPr>
        <w:t xml:space="preserve">after us to catch us, but finally they realized that we were running away, that we would get away, and </w:t>
      </w:r>
    </w:p>
    <w:p>
      <w:pPr/>
      <w:r>
        <w:rPr>
          <w:rFonts w:ascii="Helvetica Light" w:hAnsi="Helvetica Light" w:cs="Helvetica Light"/>
          <w:sz w:val="24"/>
          <w:sz-cs w:val="24"/>
        </w:rPr>
        <w:t xml:space="preserve">I also remember when I looked back, the flag, the Polish flag on the barracks of the border patrol was </w:t>
      </w:r>
    </w:p>
    <w:p>
      <w:pPr/>
      <w:r>
        <w:rPr>
          <w:rFonts w:ascii="Helvetica Light" w:hAnsi="Helvetica Light" w:cs="Helvetica Light"/>
          <w:sz w:val="24"/>
          <w:sz-cs w:val="24"/>
        </w:rPr>
        <w:t xml:space="preserve">being broken off.\par</w:t>
      </w:r>
    </w:p>
    <w:p>
      <w:pPr/>
      <w:r>
        <w:rPr>
          <w:rFonts w:ascii="Helvetica Light" w:hAnsi="Helvetica Light" w:cs="Helvetica Light"/>
          <w:sz w:val="24"/>
          <w:sz-cs w:val="24"/>
        </w:rPr>
        <w:t xml:space="preserve">}{\plain \tab JF:\tab By those Ukrainians?\par</w:t>
      </w:r>
    </w:p>
    <w:p>
      <w:pPr/>
      <w:r>
        <w:rPr>
          <w:rFonts w:ascii="Helvetica Light" w:hAnsi="Helvetica Light" w:cs="Helvetica Light"/>
          <w:sz w:val="24"/>
          <w:sz-cs w:val="24"/>
        </w:rPr>
        <w:t xml:space="preserve">}{\plain \tab MT:\tab They had horses. It was just like cowboys. They attached a rope to it, and they started </w:t>
      </w:r>
    </w:p>
    <w:p>
      <w:pPr/>
      <w:r>
        <w:rPr>
          <w:rFonts w:ascii="Helvetica Light" w:hAnsi="Helvetica Light" w:cs="Helvetica Light"/>
          <w:sz w:val="24"/>
          <w:sz-cs w:val="24"/>
        </w:rPr>
        <w:t xml:space="preserve">pulling. They were beating the horse and they finally broke that.\par</w:t>
      </w:r>
    </w:p>
    <w:p>
      <w:pPr/>
      <w:r>
        <w:rPr>
          <w:rFonts w:ascii="Helvetica Light" w:hAnsi="Helvetica Light" w:cs="Helvetica Light"/>
          <w:sz w:val="24"/>
          <w:sz-cs w:val="24"/>
        </w:rPr>
        <w:t xml:space="preserve">}{\plain \tab JF: \tab So these two Ukrainians who were following you, were following you on foot with </w:t>
      </w:r>
    </w:p>
    <w:p>
      <w:pPr/>
      <w:r>
        <w:rPr>
          <w:rFonts w:ascii="Helvetica Light" w:hAnsi="Helvetica Light" w:cs="Helvetica Light"/>
          <w:sz w:val="24"/>
          <w:sz-cs w:val="24"/>
        </w:rPr>
        <w:t xml:space="preserve">guns?\par</w:t>
      </w:r>
    </w:p>
    <w:p>
      <w:pPr/>
      <w:r>
        <w:rPr>
          <w:rFonts w:ascii="Helvetica Light" w:hAnsi="Helvetica Light" w:cs="Helvetica Light"/>
          <w:sz w:val="24"/>
          <w:sz-cs w:val="24"/>
        </w:rPr>
        <w:t xml:space="preserve">}{\plain \tab MT:\tab  Yes. We got to the border, running. Hungarians stopped us at the border. My father </w:t>
      </w:r>
    </w:p>
    <w:p>
      <w:pPr/>
      <w:r>
        <w:rPr>
          <w:rFonts w:ascii="Helvetica Light" w:hAnsi="Helvetica Light" w:cs="Helvetica Light"/>
          <w:sz w:val="24"/>
          <w:sz-cs w:val="24"/>
        </w:rPr>
        <w:t xml:space="preserve">could speak Hungarian, some Hungarian. They said that they cannot let us, in because they have only </w:t>
      </w:r>
    </w:p>
    <w:p>
      <w:pPr/>
      <w:r>
        <w:rPr>
          <w:rFonts w:ascii="Helvetica Light" w:hAnsi="Helvetica Light" w:cs="Helvetica Light"/>
          <w:sz w:val="24"/>
          <w:sz-cs w:val="24"/>
        </w:rPr>
        <w:t xml:space="preserve">one machine gun, three guys on the border, and they would not be able to stop the revolution. And </w:t>
      </w:r>
    </w:p>
    <w:p>
      <w:pPr/>
      <w:r>
        <w:rPr>
          <w:rFonts w:ascii="Helvetica Light" w:hAnsi="Helvetica Light" w:cs="Helvetica Light"/>
          <w:sz w:val="24"/>
          <w:sz-cs w:val="24"/>
        </w:rPr>
        <w:t xml:space="preserve">if they would let us in, that would just start their problems.\par</w:t>
      </w:r>
    </w:p>
    <w:p>
      <w:pPr/>
      <w:r>
        <w:rPr>
          <w:rFonts w:ascii="Helvetica Light" w:hAnsi="Helvetica Light" w:cs="Helvetica Light"/>
          <w:sz w:val="24"/>
          <w:sz-cs w:val="24"/>
        </w:rPr>
        <w:t xml:space="preserve">}{\plain \tab JF:\tab They were afraid of the Ukrainians coming into Hungary.\par</w:t>
      </w:r>
    </w:p>
    <w:p>
      <w:pPr/>
      <w:r>
        <w:rPr>
          <w:rFonts w:ascii="Helvetica Light" w:hAnsi="Helvetica Light" w:cs="Helvetica Light"/>
          <w:sz w:val="24"/>
          <w:sz-cs w:val="24"/>
        </w:rPr>
        <w:t xml:space="preserve">}{\plain \tab MT:\tab Exactly. To get us and, actually, to get even with them why do they\par</w:t>
      </w:r>
    </w:p>
    <w:p>
      <w:pPr/>
      <w:r>
        <w:rPr>
          <w:rFonts w:ascii="Helvetica Light" w:hAnsi="Helvetica Light" w:cs="Helvetica Light"/>
          <w:sz w:val="24"/>
          <w:sz-cs w:val="24"/>
        </w:rPr>
        <w:t xml:space="preserve">}{\plain let us in. My father was very angry then. And he snapped at the border patrol and he said, \'93I want to </w:t>
      </w:r>
    </w:p>
    <w:p>
      <w:pPr/>
      <w:r>
        <w:rPr>
          <w:rFonts w:ascii="Helvetica Light" w:hAnsi="Helvetica Light" w:cs="Helvetica Light"/>
          <w:sz w:val="24"/>
          <w:sz-cs w:val="24"/>
        </w:rPr>
        <w:t xml:space="preserve">speak to an officer in charge of this,\'94 and there was a guy, right behind us. The guy was very scared. </w:t>
      </w:r>
    </w:p>
    <w:p>
      <w:pPr/>
      <w:r>
        <w:rPr>
          <w:rFonts w:ascii="Helvetica Light" w:hAnsi="Helvetica Light" w:cs="Helvetica Light"/>
          <w:sz w:val="24"/>
          <w:sz-cs w:val="24"/>
        </w:rPr>
        <w:t xml:space="preserve">He said, \'93I am also an officer, I will give you everything I can; I will do everything I can for you as </w:t>
      </w:r>
    </w:p>
    <w:p>
      <w:pPr/>
      <w:r>
        <w:rPr>
          <w:rFonts w:ascii="Helvetica Light" w:hAnsi="Helvetica Light" w:cs="Helvetica Light"/>
          <w:sz w:val="24"/>
          <w:sz-cs w:val="24"/>
        </w:rPr>
        <w:t xml:space="preserve">a military man, but you let my family in back of that into Hungary, and I will stay with you to protect </w:t>
      </w:r>
    </w:p>
    <w:p>
      <w:pPr/>
      <w:r>
        <w:rPr>
          <w:rFonts w:ascii="Helvetica Light" w:hAnsi="Helvetica Light" w:cs="Helvetica Light"/>
          <w:sz w:val="24"/>
          <w:sz-cs w:val="24"/>
        </w:rPr>
        <w:t xml:space="preserve">you.\'94 Well, that was the beginning of our running experience. We ran through quite a few camps in </w:t>
      </w:r>
    </w:p>
    <w:p>
      <w:pPr/>
      <w:r>
        <w:rPr>
          <w:rFonts w:ascii="Helvetica Light" w:hAnsi="Helvetica Light" w:cs="Helvetica Light"/>
          <w:sz w:val="24"/>
          <w:sz-cs w:val="24"/>
        </w:rPr>
        <w:t xml:space="preserve">Hungary. Every camp we were foreigners, every place we went to, we were foreigners. We did not </w:t>
      </w:r>
    </w:p>
    <w:p>
      <w:pPr/>
      <w:r>
        <w:rPr>
          <w:rFonts w:ascii="Helvetica Light" w:hAnsi="Helvetica Light" w:cs="Helvetica Light"/>
          <w:sz w:val="24"/>
          <w:sz-cs w:val="24"/>
        </w:rPr>
        <w:t xml:space="preserve">go to school for quite a while.\par</w:t>
      </w:r>
    </w:p>
    <w:p>
      <w:pPr/>
      <w:r>
        <w:rPr>
          <w:rFonts w:ascii="Helvetica Light" w:hAnsi="Helvetica Light" w:cs="Helvetica Light"/>
          <w:sz w:val="24"/>
          <w:sz-cs w:val="24"/>
        </w:rPr>
        <w:t xml:space="preserve">}{\plain \tab JF:\tab When you say camps, what do you mean?\par</w:t>
      </w:r>
    </w:p>
    <w:p>
      <w:pPr/>
      <w:r>
        <w:rPr>
          <w:rFonts w:ascii="Helvetica Light" w:hAnsi="Helvetica Light" w:cs="Helvetica Light"/>
          <w:sz w:val="24"/>
          <w:sz-cs w:val="24"/>
        </w:rPr>
        <w:t xml:space="preserve">}{\plain \tab MT:\tab It means that the Polish Government-in-Exile was given some...\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qj\sl395\tx0\tx0\tx720\tx1440\tx2160\tx2880\tx3600\tx4320\tx5040\tx5760\tx6480\tx7200\tx7920\tx8640\tx9360 </w:t>
      </w:r>
    </w:p>
    <w:p>
      <w:pPr/>
      <w:r>
        <w:rPr>
          <w:rFonts w:ascii="Helvetica Light" w:hAnsi="Helvetica Light" w:cs="Helvetica Light"/>
          <w:sz w:val="24"/>
          <w:sz-cs w:val="24"/>
        </w:rPr>
        <w:t xml:space="preserve">{\plain \*\cs1 \tab }{\plain \*\cs1\i Tape one, side two:}{\plain \*\cs1 \par</w:t>
      </w:r>
    </w:p>
    <w:p>
      <w:pPr/>
      <w:r>
        <w:rPr>
          <w:rFonts w:ascii="Helvetica Light" w:hAnsi="Helvetica Light" w:cs="Helvetica Light"/>
          <w:sz w:val="24"/>
          <w:sz-cs w:val="24"/>
        </w:rPr>
        <w:t xml:space="preserve">}{\plain \*\cs1 \tab JF:\tab You were talking about the...\par</w:t>
      </w:r>
    </w:p>
    <w:p>
      <w:pPr/>
      <w:r>
        <w:rPr>
          <w:rFonts w:ascii="Helvetica Light" w:hAnsi="Helvetica Light" w:cs="Helvetica Light"/>
          <w:sz w:val="24"/>
          <w:sz-cs w:val="24"/>
        </w:rPr>
        <w:t xml:space="preserve">}{\plain \*\cs1 \tab MT: \tab Camps in Hungary were actually prepared, or maybe not even prepared... individual </w:t>
      </w:r>
    </w:p>
    <w:p>
      <w:pPr/>
      <w:r>
        <w:rPr>
          <w:rFonts w:ascii="Helvetica Light" w:hAnsi="Helvetica Light" w:cs="Helvetica Light"/>
          <w:sz w:val="24"/>
          <w:sz-cs w:val="24"/>
        </w:rPr>
        <w:t xml:space="preserve">homes that we went to, but they were in close vicinity... all the people, immigrants would live in cer\-</w:t>
      </w:r>
    </w:p>
    <w:p>
      <w:pPr/>
      <w:r>
        <w:rPr>
          <w:rFonts w:ascii="Helvetica Light" w:hAnsi="Helvetica Light" w:cs="Helvetica Light"/>
          <w:sz w:val="24"/>
          <w:sz-cs w:val="24"/>
        </w:rPr>
        <w:t xml:space="preserve">tain quarters.\par</w:t>
      </w:r>
    </w:p>
    <w:p>
      <w:pPr/>
      <w:r>
        <w:rPr>
          <w:rFonts w:ascii="Helvetica Light" w:hAnsi="Helvetica Light" w:cs="Helvetica Light"/>
          <w:sz w:val="24"/>
          <w:sz-cs w:val="24"/>
        </w:rPr>
        <w:t xml:space="preserve">}{\plain \*\cs1 \tab JF:\tab These were provided by the Polish Government-in-Exile?\par</w:t>
      </w:r>
    </w:p>
    <w:p>
      <w:pPr/>
      <w:r>
        <w:rPr>
          <w:rFonts w:ascii="Helvetica Light" w:hAnsi="Helvetica Light" w:cs="Helvetica Light"/>
          <w:sz w:val="24"/>
          <w:sz-cs w:val="24"/>
        </w:rPr>
        <w:t xml:space="preserve">}{\plain \*\cs1 \tab MT: \tab I think some of it was provided perhaps, but my parents had to work right away, so </w:t>
      </w:r>
    </w:p>
    <w:p>
      <w:pPr/>
      <w:r>
        <w:rPr>
          <w:rFonts w:ascii="Helvetica Light" w:hAnsi="Helvetica Light" w:cs="Helvetica Light"/>
          <w:sz w:val="24"/>
          <w:sz-cs w:val="24"/>
        </w:rPr>
        <w:t xml:space="preserve">perhaps they had to work to pay for it. But there was some organization., maybe it was just churches, </w:t>
      </w:r>
    </w:p>
    <w:p>
      <w:pPr/>
      <w:r>
        <w:rPr>
          <w:rFonts w:ascii="Helvetica Light" w:hAnsi="Helvetica Light" w:cs="Helvetica Light"/>
          <w:sz w:val="24"/>
          <w:sz-cs w:val="24"/>
        </w:rPr>
        <w:t xml:space="preserve">but we called them camps because we were all grouped in one territory.\par</w:t>
      </w:r>
    </w:p>
    <w:p>
      <w:pPr/>
      <w:r>
        <w:rPr>
          <w:rFonts w:ascii="Helvetica Light" w:hAnsi="Helvetica Light" w:cs="Helvetica Light"/>
          <w:sz w:val="24"/>
          <w:sz-cs w:val="24"/>
        </w:rPr>
        <w:t xml:space="preserve">}{\plain \*\cs1 \tab JF:\tab Was it collective housing, or did you have separate dwell\-ings?\par</w:t>
      </w:r>
    </w:p>
    <w:p>
      <w:pPr/>
      <w:r>
        <w:rPr>
          <w:rFonts w:ascii="Helvetica Light" w:hAnsi="Helvetica Light" w:cs="Helvetica Light"/>
          <w:sz w:val="24"/>
          <w:sz-cs w:val="24"/>
        </w:rPr>
        <w:t xml:space="preserve">}{\plain \*\cs1 \tab MT:\tab There was no collective housing. I remember once we were in a military establishment. </w:t>
      </w:r>
    </w:p>
    <w:p>
      <w:pPr/>
      <w:r>
        <w:rPr>
          <w:rFonts w:ascii="Helvetica Light" w:hAnsi="Helvetica Light" w:cs="Helvetica Light"/>
          <w:sz w:val="24"/>
          <w:sz-cs w:val="24"/>
        </w:rPr>
        <w:t xml:space="preserve">The first one we were in was a military establishment when we just crossed the border. The only thing </w:t>
      </w:r>
    </w:p>
    <w:p>
      <w:pPr/>
      <w:r>
        <w:rPr>
          <w:rFonts w:ascii="Helvetica Light" w:hAnsi="Helvetica Light" w:cs="Helvetica Light"/>
          <w:sz w:val="24"/>
          <w:sz-cs w:val="24"/>
        </w:rPr>
        <w:t xml:space="preserve">that I remember from that was that there was an awful lot of uniforms, and then the latrine, I had </w:t>
      </w:r>
    </w:p>
    <w:p>
      <w:pPr/>
      <w:r>
        <w:rPr>
          <w:rFonts w:ascii="Helvetica Light" w:hAnsi="Helvetica Light" w:cs="Helvetica Light"/>
          <w:sz w:val="24"/>
          <w:sz-cs w:val="24"/>
        </w:rPr>
        <w:t xml:space="preserve">never seen anything like it in my life. You had to go outside and there was a ditch, and there was like </w:t>
      </w:r>
    </w:p>
    <w:p>
      <w:pPr/>
      <w:r>
        <w:rPr>
          <w:rFonts w:ascii="Helvetica Light" w:hAnsi="Helvetica Light" w:cs="Helvetica Light"/>
          <w:sz w:val="24"/>
          <w:sz-cs w:val="24"/>
        </w:rPr>
        <w:t xml:space="preserve">a board that you had to hang on to so you didn\'92t fall into the ditch, and it was terrible. There was a </w:t>
      </w:r>
    </w:p>
    <w:p>
      <w:pPr/>
      <w:r>
        <w:rPr>
          <w:rFonts w:ascii="Helvetica Light" w:hAnsi="Helvetica Light" w:cs="Helvetica Light"/>
          <w:sz w:val="24"/>
          <w:sz-cs w:val="24"/>
        </w:rPr>
        <w:t xml:space="preserve">shower. You had to cover things up yourself after you were done. Then we went into some kind of--like a hotel, I remember, for another two or three days we were interrogated and separated. They </w:t>
      </w:r>
    </w:p>
    <w:p>
      <w:pPr/>
      <w:r>
        <w:rPr>
          <w:rFonts w:ascii="Helvetica Light" w:hAnsi="Helvetica Light" w:cs="Helvetica Light"/>
          <w:sz w:val="24"/>
          <w:sz-cs w:val="24"/>
        </w:rPr>
        <w:t xml:space="preserve">were looking-- Hungarians were not too friendly to us because they wanted to stay neutral, I think. </w:t>
      </w:r>
    </w:p>
    <w:p>
      <w:pPr/>
      <w:r>
        <w:rPr>
          <w:rFonts w:ascii="Helvetica Light" w:hAnsi="Helvetica Light" w:cs="Helvetica Light"/>
          <w:sz w:val="24"/>
          <w:sz-cs w:val="24"/>
        </w:rPr>
        <w:t xml:space="preserve">I am not sure about that, but they also wanted to make sure that there is no political individuals there </w:t>
      </w:r>
    </w:p>
    <w:p>
      <w:pPr/>
      <w:r>
        <w:rPr>
          <w:rFonts w:ascii="Helvetica Light" w:hAnsi="Helvetica Light" w:cs="Helvetica Light"/>
          <w:sz w:val="24"/>
          <w:sz-cs w:val="24"/>
        </w:rPr>
        <w:t xml:space="preserve">so they don\'92t have to answer for.\par</w:t>
      </w:r>
    </w:p>
    <w:p>
      <w:pPr/>
      <w:r>
        <w:rPr>
          <w:rFonts w:ascii="Helvetica Light" w:hAnsi="Helvetica Light" w:cs="Helvetica Light"/>
          <w:sz w:val="24"/>
          <w:sz-cs w:val="24"/>
        </w:rPr>
        <w:t xml:space="preserve">}{\plain \*\cs1 \tab JF: \tab Did you ever find out whether or not the Ukrainians who were chasing you caused </w:t>
      </w:r>
    </w:p>
    <w:p>
      <w:pPr/>
      <w:r>
        <w:rPr>
          <w:rFonts w:ascii="Helvetica Light" w:hAnsi="Helvetica Light" w:cs="Helvetica Light"/>
          <w:sz w:val="24"/>
          <w:sz-cs w:val="24"/>
        </w:rPr>
        <w:t xml:space="preserve">any trouble at the border?\par</w:t>
      </w:r>
    </w:p>
    <w:p>
      <w:pPr/>
      <w:r>
        <w:rPr>
          <w:rFonts w:ascii="Helvetica Light" w:hAnsi="Helvetica Light" w:cs="Helvetica Light"/>
          <w:sz w:val="24"/>
          <w:sz-cs w:val="24"/>
        </w:rPr>
        <w:t xml:space="preserve">}{\plain \*\cs1 \tab MT: \tab At the border, no, but I have some stories to tell about what happened later on in the </w:t>
      </w:r>
    </w:p>
    <w:p>
      <w:pPr/>
      <w:r>
        <w:rPr>
          <w:rFonts w:ascii="Helvetica Light" w:hAnsi="Helvetica Light" w:cs="Helvetica Light"/>
          <w:sz w:val="24"/>
          <w:sz-cs w:val="24"/>
        </w:rPr>
        <w:t xml:space="preserve">same territory with Jewish families and with Polish families.\par</w:t>
      </w:r>
    </w:p>
    <w:p>
      <w:pPr/>
      <w:r>
        <w:rPr>
          <w:rFonts w:ascii="Helvetica Light" w:hAnsi="Helvetica Light" w:cs="Helvetica Light"/>
          <w:sz w:val="24"/>
          <w:sz-cs w:val="24"/>
        </w:rPr>
        <w:t xml:space="preserve">}{\plain \*\cs1 \tab JF: \tab These were stories that you heard afterwards?\par</w:t>
      </w:r>
    </w:p>
    <w:p>
      <w:pPr/>
      <w:r>
        <w:rPr>
          <w:rFonts w:ascii="Helvetica Light" w:hAnsi="Helvetica Light" w:cs="Helvetica Light"/>
          <w:sz w:val="24"/>
          <w:sz-cs w:val="24"/>
        </w:rPr>
        <w:t xml:space="preserve">}{\plain \*\cs1 \tab MT:\tab I heard stories from the son of Goldberg, Goldreich. I don\'92t even know the spelling, </w:t>
      </w:r>
    </w:p>
    <w:p>
      <w:pPr/>
      <w:r>
        <w:rPr>
          <w:rFonts w:ascii="Helvetica Light" w:hAnsi="Helvetica Light" w:cs="Helvetica Light"/>
          <w:sz w:val="24"/>
          <w:sz-cs w:val="24"/>
        </w:rPr>
        <w:t xml:space="preserve">it would be like a Polish spelling, but it\'92s a German word. It means \'93Goldrich,\'94 right?  Goldreich. But </w:t>
      </w:r>
    </w:p>
    <w:p>
      <w:pPr/>
      <w:r>
        <w:rPr>
          <w:rFonts w:ascii="Helvetica Light" w:hAnsi="Helvetica Light" w:cs="Helvetica Light"/>
          <w:sz w:val="24"/>
          <w:sz-cs w:val="24"/>
        </w:rPr>
        <w:t xml:space="preserve">it would be spelled somehow the way Poles would spell it, I think. Going back to the camps. So </w:t>
      </w:r>
    </w:p>
    <w:p>
      <w:pPr/>
      <w:r>
        <w:rPr>
          <w:rFonts w:ascii="Helvetica Light" w:hAnsi="Helvetica Light" w:cs="Helvetica Light"/>
          <w:sz w:val="24"/>
          <w:sz-cs w:val="24"/>
        </w:rPr>
        <w:t xml:space="preserve">}\sect \sectd \sbknone\headery288\footery1323 </w:t>
      </w:r>
    </w:p>
    <w:p>
      <w:pPr/>
      <w:r>
        <w:rPr>
          <w:rFonts w:ascii="Helvetica Light" w:hAnsi="Helvetica Light" w:cs="Helvetica Light"/>
          <w:sz w:val="24"/>
          <w:sz-cs w:val="24"/>
        </w:rPr>
        <w:t xml:space="preserve">{\header \pard \s2\qr\sl0\tx0\tx0\tqc\tx4320\tqr\tx8640\tx9360 </w:t>
      </w:r>
    </w:p>
    <w:p>
      <w:pPr/>
      <w:r>
        <w:rPr>
          <w:rFonts w:ascii="Helvetica Light" w:hAnsi="Helvetica Light" w:cs="Helvetica Light"/>
          <w:sz w:val="24"/>
          <w:sz-cs w:val="24"/>
        </w:rPr>
        <w:t xml:space="preserve">{\plain \*\cs1 }{\plain \*\cs1\i MARIAN TURZANSKI [1-}{\plain \*\cs1\i 2-}{\plain \*\cs1\i \chpgn ]}{\plain \i \par }}</w:t>
      </w:r>
    </w:p>
    <w:p>
      <w:pPr/>
      <w:r>
        <w:rPr>
          <w:rFonts w:ascii="Helvetica Light" w:hAnsi="Helvetica Light" w:cs="Helvetica Light"/>
          <w:sz w:val="24"/>
          <w:sz-cs w:val="24"/>
        </w:rPr>
        <w:t xml:space="preserve">{\footer \pard \sl261\tx-156\tx0\tx0\tx720\tx1440\tx2160\tx2880\tx3600\tx4320\tx5040\tx5760\tx6480\tx7200\tx7920\tx8640\tx9360 </w:t>
      </w:r>
    </w:p>
    <w:p>
      <w:pPr/>
      <w:r>
        <w:rPr>
          <w:rFonts w:ascii="Helvetica Light" w:hAnsi="Helvetica Light" w:cs="Helvetica Light"/>
          <w:sz w:val="24"/>
          <w:sz-cs w:val="24"/>
        </w:rPr>
        <w:t xml:space="preserve">{\plain \*\cs1 }{\plain \*\cs1\i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qj\sl395\tx0\tx0\tx720\tx1440\tx2160\tx2880\tx3600\tx4320\tx5040\tx5760\tx6480\tx7200\tx7920\tx8640\tx9360 </w:t>
      </w:r>
    </w:p>
    <w:p>
      <w:pPr/>
      <w:r>
        <w:rPr>
          <w:rFonts w:ascii="Helvetica Light" w:hAnsi="Helvetica Light" w:cs="Helvetica Light"/>
          <w:sz w:val="24"/>
          <w:sz-cs w:val="24"/>
        </w:rPr>
        <w:t xml:space="preserve">{\plain finally we end up in Keszthely, Hungary, where they org˝ˇˇˇÇÉÑÖÜáàâäãåçéèêëíìîïñóòôöõúùûü†°¢£§•¶ß®©™´¨≠ÆØ∞±≤≥¥µ∂∑∏π∫ªºΩæø¿¡¬√ƒ≈∆«»…À˝ˇˇˇÃÕŒœ–—“”‘’÷◊ÿŸ⁄€‹›ﬁﬂ‡·‚„‰ÂÊÁËÈÍÎÏÌÓÔÒÚÛÙıˆ˜¯˘˙˚¸˝˛ˇanized a Polish school. It was the first time </w:t>
      </w:r>
    </w:p>
    <w:p>
      <w:pPr/>
      <w:r>
        <w:rPr>
          <w:rFonts w:ascii="Helvetica Light" w:hAnsi="Helvetica Light" w:cs="Helvetica Light"/>
          <w:sz w:val="24"/>
          <w:sz-cs w:val="24"/>
        </w:rPr>
        <w:t xml:space="preserve">I had a chance to go to school.\par</w:t>
      </w:r>
    </w:p>
    <w:p>
      <w:pPr/>
      <w:r>
        <w:rPr>
          <w:rFonts w:ascii="Helvetica Light" w:hAnsi="Helvetica Light" w:cs="Helvetica Light"/>
          <w:sz w:val="24"/>
          <w:sz-cs w:val="24"/>
        </w:rPr>
        <w:t xml:space="preserve">}{\plain \tab JF:\tab The spelling of that?\par</w:t>
      </w:r>
    </w:p>
    <w:p>
      <w:pPr/>
      <w:r>
        <w:rPr>
          <w:rFonts w:ascii="Helvetica Light" w:hAnsi="Helvetica Light" w:cs="Helvetica Light"/>
          <w:sz w:val="24"/>
          <w:sz-cs w:val="24"/>
        </w:rPr>
        <w:t xml:space="preserve">}{\plain \tab MT:\tab K-E-S-Z-T-H-E-L-Y. It\'92s next to Balaton, which is their big lake, and they call it their </w:t>
      </w:r>
    </w:p>
    <w:p>
      <w:pPr/>
      <w:r>
        <w:rPr>
          <w:rFonts w:ascii="Helvetica Light" w:hAnsi="Helvetica Light" w:cs="Helvetica Light"/>
          <w:sz w:val="24"/>
          <w:sz-cs w:val="24"/>
        </w:rPr>
        <w:t xml:space="preserve">sea, because they did not have access to the sea. Now, in Keszthely-- I am losing some of my </w:t>
      </w:r>
    </w:p>
    <w:p>
      <w:pPr/>
      <w:r>
        <w:rPr>
          <w:rFonts w:ascii="Helvetica Light" w:hAnsi="Helvetica Light" w:cs="Helvetica Light"/>
          <w:sz w:val="24"/>
          <w:sz-cs w:val="24"/>
        </w:rPr>
        <w:t xml:space="preserve">thoughts-- if we could just stop this for a second.\par</w:t>
      </w:r>
    </w:p>
    <w:p>
      <w:pPr/>
      <w:r>
        <w:rPr>
          <w:rFonts w:ascii="Helvetica Light" w:hAnsi="Helvetica Light" w:cs="Helvetica Light"/>
          <w:sz w:val="24"/>
          <w:sz-cs w:val="24"/>
        </w:rPr>
        <w:t xml:space="preserve">}{\plain \tab JF:\tab Sure.\par</w:t>
      </w:r>
    </w:p>
    <w:p>
      <w:pPr/>
      <w:r>
        <w:rPr>
          <w:rFonts w:ascii="Helvetica Light" w:hAnsi="Helvetica Light" w:cs="Helvetica Light"/>
          <w:sz w:val="24"/>
          <w:sz-cs w:val="24"/>
        </w:rPr>
        <w:t xml:space="preserve">}{\plain \tab MT:\tab I am ready to come back.\par</w:t>
      </w:r>
    </w:p>
    <w:p>
      <w:pPr/>
      <w:r>
        <w:rPr>
          <w:rFonts w:ascii="Helvetica Light" w:hAnsi="Helvetica Light" w:cs="Helvetica Light"/>
          <w:sz w:val="24"/>
          <w:sz-cs w:val="24"/>
        </w:rPr>
        <w:t xml:space="preserve">}{\plain \tab JF:\tab When you got to this village or town...\par</w:t>
      </w:r>
    </w:p>
    <w:p>
      <w:pPr/>
      <w:r>
        <w:rPr>
          <w:rFonts w:ascii="Helvetica Light" w:hAnsi="Helvetica Light" w:cs="Helvetica Light"/>
          <w:sz w:val="24"/>
          <w:sz-cs w:val="24"/>
        </w:rPr>
        <w:t xml:space="preserve">}{\plain \tab MT:\tab Town. It was a very nice town in Hungary, very nice It was 1944 already, that means </w:t>
      </w:r>
    </w:p>
    <w:p>
      <w:pPr/>
      <w:r>
        <w:rPr>
          <w:rFonts w:ascii="Helvetica Light" w:hAnsi="Helvetica Light" w:cs="Helvetica Light"/>
          <w:sz w:val="24"/>
          <w:sz-cs w:val="24"/>
        </w:rPr>
        <w:t xml:space="preserve">we traveled already that many years.\par</w:t>
      </w:r>
    </w:p>
    <w:p>
      <w:pPr/>
      <w:r>
        <w:rPr>
          <w:rFonts w:ascii="Helvetica Light" w:hAnsi="Helvetica Light" w:cs="Helvetica Light"/>
          <w:sz w:val="24"/>
          <w:sz-cs w:val="24"/>
        </w:rPr>
        <w:t xml:space="preserve">}{\plain \tab JF:\tab You were on the road then for 5 years? \par</w:t>
      </w:r>
    </w:p>
    <w:p>
      <w:pPr/>
      <w:r>
        <w:rPr>
          <w:rFonts w:ascii="Helvetica Light" w:hAnsi="Helvetica Light" w:cs="Helvetica Light"/>
          <w:sz w:val="24"/>
          <w:sz-cs w:val="24"/>
        </w:rPr>
        <w:t xml:space="preserve">}{\plain \tab MT: \tab Constantly.\par</w:t>
      </w:r>
    </w:p>
    <w:p>
      <w:pPr/>
      <w:r>
        <w:rPr>
          <w:rFonts w:ascii="Helvetica Light" w:hAnsi="Helvetica Light" w:cs="Helvetica Light"/>
          <w:sz w:val="24"/>
          <w:sz-cs w:val="24"/>
        </w:rPr>
        <w:t xml:space="preserve">}{\plain \tab JF: \tab Constantly, stopping in these camps, as you described them?\par</w:t>
      </w:r>
    </w:p>
    <w:p>
      <w:pPr/>
      <w:r>
        <w:rPr>
          <w:rFonts w:ascii="Helvetica Light" w:hAnsi="Helvetica Light" w:cs="Helvetica Light"/>
          <w:sz w:val="24"/>
          <w:sz-cs w:val="24"/>
        </w:rPr>
        <w:t xml:space="preserve">}{\plain \tab MT:\tab Yes, and just running. Exactly why we were doing that, I think, that whatever was </w:t>
      </w:r>
    </w:p>
    <w:p>
      <w:pPr/>
      <w:r>
        <w:rPr>
          <w:rFonts w:ascii="Helvetica Light" w:hAnsi="Helvetica Light" w:cs="Helvetica Light"/>
          <w:sz w:val="24"/>
          <w:sz-cs w:val="24"/>
        </w:rPr>
        <w:t xml:space="preserve">running out, either jobs or something, that we had to keep on going.\par</w:t>
      </w:r>
    </w:p>
    <w:p>
      <w:pPr/>
      <w:r>
        <w:rPr>
          <w:rFonts w:ascii="Helvetica Light" w:hAnsi="Helvetica Light" w:cs="Helvetica Light"/>
          <w:sz w:val="24"/>
          <w:sz-cs w:val="24"/>
        </w:rPr>
        <w:t xml:space="preserve">}{\plain \tab JF:\tab Did you attend school in any of these areas?\par</w:t>
      </w:r>
    </w:p>
    <w:p>
      <w:pPr/>
      <w:r>
        <w:rPr>
          <w:rFonts w:ascii="Helvetica Light" w:hAnsi="Helvetica Light" w:cs="Helvetica Light"/>
          <w:sz w:val="24"/>
          <w:sz-cs w:val="24"/>
        </w:rPr>
        <w:t xml:space="preserve">}{\plain \tab MT:\tab No, we had private lessons through some educated individuals. Older people, they </w:t>
      </w:r>
    </w:p>
    <w:p>
      <w:pPr/>
      <w:r>
        <w:rPr>
          <w:rFonts w:ascii="Helvetica Light" w:hAnsi="Helvetica Light" w:cs="Helvetica Light"/>
          <w:sz w:val="24"/>
          <w:sz-cs w:val="24"/>
        </w:rPr>
        <w:t xml:space="preserve">were giving us. No schooling. In Keszthely was the first time that I went to school.\par</w:t>
      </w:r>
    </w:p>
    <w:p>
      <w:pPr/>
      <w:r>
        <w:rPr>
          <w:rFonts w:ascii="Helvetica Light" w:hAnsi="Helvetica Light" w:cs="Helvetica Light"/>
          <w:sz w:val="24"/>
          <w:sz-cs w:val="24"/>
        </w:rPr>
        <w:t xml:space="preserve">}{\plain \tab JF:\tab Not until 1944?\par</w:t>
      </w:r>
    </w:p>
    <w:p>
      <w:pPr/>
      <w:r>
        <w:rPr>
          <w:rFonts w:ascii="Helvetica Light" w:hAnsi="Helvetica Light" w:cs="Helvetica Light"/>
          <w:sz w:val="24"/>
          <w:sz-cs w:val="24"/>
        </w:rPr>
        <w:t xml:space="preserve">}{\plain \tab MT: \tab No, that was before we left in \'9144.  So I would say 1942. I think, in Keszthely.  That\'92s </w:t>
      </w:r>
    </w:p>
    <w:p>
      <w:pPr/>
      <w:r>
        <w:rPr>
          <w:rFonts w:ascii="Helvetica Light" w:hAnsi="Helvetica Light" w:cs="Helvetica Light"/>
          <w:sz w:val="24"/>
          <w:sz-cs w:val="24"/>
        </w:rPr>
        <w:t xml:space="preserve">the place where we actually stayed until the end before the Germans took us.\par</w:t>
      </w:r>
    </w:p>
    <w:p>
      <w:pPr/>
      <w:r>
        <w:rPr>
          <w:rFonts w:ascii="Helvetica Light" w:hAnsi="Helvetica Light" w:cs="Helvetica Light"/>
          <w:sz w:val="24"/>
          <w:sz-cs w:val="24"/>
        </w:rPr>
        <w:t xml:space="preserve">}{\plain \tab JF:\tab I see. This was also a camp?\par</w:t>
      </w:r>
    </w:p>
    <w:p>
      <w:pPr/>
      <w:r>
        <w:rPr>
          <w:rFonts w:ascii="Helvetica Light" w:hAnsi="Helvetica Light" w:cs="Helvetica Light"/>
          <w:sz w:val="24"/>
          <w:sz-cs w:val="24"/>
        </w:rPr>
        <w:t xml:space="preserve">}{\plain \tab MT:\tab It was a city, but we were always kept an eye on. We were the foreigners. We were </w:t>
      </w:r>
    </w:p>
    <w:p>
      <w:pPr/>
      <w:r>
        <w:rPr>
          <w:rFonts w:ascii="Helvetica Light" w:hAnsi="Helvetica Light" w:cs="Helvetica Light"/>
          <w:sz w:val="24"/>
          <w:sz-cs w:val="24"/>
        </w:rPr>
        <w:t xml:space="preserve">the unwanted ones.\par</w:t>
      </w:r>
    </w:p>
    <w:p>
      <w:pPr/>
      <w:r>
        <w:rPr>
          <w:rFonts w:ascii="Helvetica Light" w:hAnsi="Helvetica Light" w:cs="Helvetica Light"/>
          <w:sz w:val="24"/>
          <w:sz-cs w:val="24"/>
        </w:rPr>
        <w:t xml:space="preserve">}{\plain \tab JF:\tab You were always kept with other Poles who were running the same way that you </w:t>
      </w:r>
    </w:p>
    <w:p>
      <w:pPr/>
      <w:r>
        <w:rPr>
          <w:rFonts w:ascii="Helvetica Light" w:hAnsi="Helvetica Light" w:cs="Helvetica Light"/>
          <w:sz w:val="24"/>
          <w:sz-cs w:val="24"/>
        </w:rPr>
        <w:t xml:space="preserve">were?\par</w:t>
      </w:r>
    </w:p>
    <w:p>
      <w:pPr/>
      <w:r>
        <w:rPr>
          <w:rFonts w:ascii="Helvetica Light" w:hAnsi="Helvetica Light" w:cs="Helvetica Light"/>
          <w:sz w:val="24"/>
          <w:sz-cs w:val="24"/>
        </w:rPr>
        <w:t xml:space="preserve">}{\plain \tab MT: \tab That\'92s correct. We were just like those Cubans in Miami that came from Cuba by boat. </w:t>
      </w:r>
    </w:p>
    <w:p>
      <w:pPr/>
      <w:r>
        <w:rPr>
          <w:rFonts w:ascii="Helvetica Light" w:hAnsi="Helvetica Light" w:cs="Helvetica Light"/>
          <w:sz w:val="24"/>
          <w:sz-cs w:val="24"/>
        </w:rPr>
        <w:t xml:space="preserve">Unwanted ones.\par</w:t>
      </w:r>
    </w:p>
    <w:p>
      <w:pPr/>
      <w:r>
        <w:rPr>
          <w:rFonts w:ascii="Helvetica Light" w:hAnsi="Helvetica Light" w:cs="Helvetica Light"/>
          <w:sz w:val="24"/>
          <w:sz-cs w:val="24"/>
        </w:rPr>
        <w:t xml:space="preserve">}{\plain \tab JF:\tab Were you under guard?\par</w:t>
      </w:r>
    </w:p>
    <w:p>
      <w:pPr/>
      <w:r>
        <w:rPr>
          <w:rFonts w:ascii="Helvetica Light" w:hAnsi="Helvetica Light" w:cs="Helvetica Light"/>
          <w:sz w:val="24"/>
          <w:sz-cs w:val="24"/>
        </w:rPr>
        <w:t xml:space="preserve">}{\plain \tab MT: \tab No, but we had to report. We had to report to police stations.\par</w:t>
      </w:r>
    </w:p>
    <w:p>
      <w:pPr/>
      <w:r>
        <w:rPr>
          <w:rFonts w:ascii="Helvetica Light" w:hAnsi="Helvetica Light" w:cs="Helvetica Light"/>
          <w:sz w:val="24"/>
          <w:sz-cs w:val="24"/>
        </w:rPr>
        <w:t xml:space="preserve">}{\plain \tab JF:\tab How often?\par</w:t>
      </w:r>
    </w:p>
    <w:p>
      <w:pPr/>
      <w:r>
        <w:rPr>
          <w:rFonts w:ascii="Helvetica Light" w:hAnsi="Helvetica Light" w:cs="Helvetica Light"/>
          <w:sz w:val="24"/>
          <w:sz-cs w:val="24"/>
        </w:rPr>
        <w:t xml:space="preserve">}{\plain \tab MT:\tab My parents had to report, but perhaps it was only my parents, because my father was </w:t>
      </w:r>
    </w:p>
    <w:p>
      <w:pPr/>
      <w:r>
        <w:rPr>
          <w:rFonts w:ascii="Helvetica Light" w:hAnsi="Helvetica Light" w:cs="Helvetica Light"/>
          <w:sz w:val="24"/>
          <w:sz-cs w:val="24"/>
        </w:rPr>
        <w:t xml:space="preserve">organizing a underground move\-ment in Hungary. Hungarians deadly were afraid of that, and he was </w:t>
      </w:r>
    </w:p>
    <w:p>
      <w:pPr/>
      <w:r>
        <w:rPr>
          <w:rFonts w:ascii="Helvetica Light" w:hAnsi="Helvetica Light" w:cs="Helvetica Light"/>
          <w:sz w:val="24"/>
          <w:sz-cs w:val="24"/>
        </w:rPr>
        <w:t xml:space="preserve">traveling constantly to Budapest, which is the Hungarian capital, and wherever we were he was on </w:t>
      </w:r>
    </w:p>
    <w:p>
      <w:pPr/>
      <w:r>
        <w:rPr>
          <w:rFonts w:ascii="Helvetica Light" w:hAnsi="Helvetica Light" w:cs="Helvetica Light"/>
          <w:sz w:val="24"/>
          <w:sz-cs w:val="24"/>
        </w:rPr>
        <w:t xml:space="preserve">the go, from beginning.\par</w:t>
      </w:r>
    </w:p>
    <w:p>
      <w:pPr/>
      <w:r>
        <w:rPr>
          <w:rFonts w:ascii="Helvetica Light" w:hAnsi="Helvetica Light" w:cs="Helvetica Light"/>
          <w:sz w:val="24"/>
          <w:sz-cs w:val="24"/>
        </w:rPr>
        <w:t xml:space="preserve">}{\plain \tab JF: \tab He was organizing a Polish underground?\par</w:t>
      </w:r>
    </w:p>
    <w:p>
      <w:pPr/>
      <w:r>
        <w:rPr>
          <w:rFonts w:ascii="Helvetica Light" w:hAnsi="Helvetica Light" w:cs="Helvetica Light"/>
          <w:sz w:val="24"/>
          <w:sz-cs w:val="24"/>
        </w:rPr>
        <w:t xml:space="preserve">}{\plain \tab MT:\tab Yes.\par</w:t>
      </w:r>
    </w:p>
    <w:p>
      <w:pPr/>
      <w:r>
        <w:rPr>
          <w:rFonts w:ascii="Helvetica Light" w:hAnsi="Helvetica Light" w:cs="Helvetica Light"/>
          <w:sz w:val="24"/>
          <w:sz-cs w:val="24"/>
        </w:rPr>
        <w:t xml:space="preserve">}{\plain \tab JF:\tab Was this linked up with the Polish underground in Poland itself, or was this another?\par</w:t>
      </w:r>
    </w:p>
    <w:p>
      <w:pPr/>
      <w:r>
        <w:rPr>
          <w:rFonts w:ascii="Helvetica Light" w:hAnsi="Helvetica Light" w:cs="Helvetica Light"/>
          <w:sz w:val="24"/>
          <w:sz-cs w:val="24"/>
        </w:rPr>
        <w:t xml:space="preserve">}{\plain \tab MT: \tab This was linked up, I believe, if I see it correctly now, with the military\par</w:t>
      </w:r>
    </w:p>
    <w:p>
      <w:pPr/>
      <w:r>
        <w:rPr>
          <w:rFonts w:ascii="Helvetica Light" w:hAnsi="Helvetica Light" w:cs="Helvetica Light"/>
          <w:sz w:val="24"/>
          <w:sz-cs w:val="24"/>
        </w:rPr>
        <w:t xml:space="preserve">}{\plain in Rumania and so forth we had. We had Polish Army outside Poland and it was linked up with them, </w:t>
      </w:r>
    </w:p>
    <w:p>
      <w:pPr/>
      <w:r>
        <w:rPr>
          <w:rFonts w:ascii="Helvetica Light" w:hAnsi="Helvetica Light" w:cs="Helvetica Light"/>
          <w:sz w:val="24"/>
          <w:sz-cs w:val="24"/>
        </w:rPr>
        <w:t xml:space="preserve">so what we were doing was actually making artificial passports and smuggling young men through </w:t>
      </w:r>
    </w:p>
    <w:p>
      <w:pPr/>
      <w:r>
        <w:rPr>
          <w:rFonts w:ascii="Helvetica Light" w:hAnsi="Helvetica Light" w:cs="Helvetica Light"/>
          <w:sz w:val="24"/>
          <w:sz-cs w:val="24"/>
        </w:rPr>
        <w:t xml:space="preserve">Hungary to Rumania and then they would go to wherever they had to go to fight the Germans.\par</w:t>
      </w:r>
    </w:p>
    <w:p>
      <w:pPr/>
      <w:r>
        <w:rPr>
          <w:rFonts w:ascii="Helvetica Light" w:hAnsi="Helvetica Light" w:cs="Helvetica Light"/>
          <w:sz w:val="24"/>
          <w:sz-cs w:val="24"/>
        </w:rPr>
        <w:t xml:space="preserve">}{\plain \tab JF:\tab Smuggling the young Polish men, who had escaped from Poland to the Polish armies </w:t>
      </w:r>
    </w:p>
    <w:p>
      <w:pPr/>
      <w:r>
        <w:rPr>
          <w:rFonts w:ascii="Helvetica Light" w:hAnsi="Helvetica Light" w:cs="Helvetica Light"/>
          <w:sz w:val="24"/>
          <w:sz-cs w:val="24"/>
        </w:rPr>
        <w:t xml:space="preserve">in these other countries? \par</w:t>
      </w:r>
    </w:p>
    <w:p>
      <w:pPr/>
      <w:r>
        <w:rPr>
          <w:rFonts w:ascii="Helvetica Light" w:hAnsi="Helvetica Light" w:cs="Helvetica Light"/>
          <w:sz w:val="24"/>
          <w:sz-cs w:val="24"/>
        </w:rPr>
        <w:t xml:space="preserve">}{\plain \tab MT:\tab There were young Polish men and there were also young Jews. They were all young, </w:t>
      </w:r>
    </w:p>
    <w:p>
      <w:pPr/>
      <w:r>
        <w:rPr>
          <w:rFonts w:ascii="Helvetica Light" w:hAnsi="Helvetica Light" w:cs="Helvetica Light"/>
          <w:sz w:val="24"/>
          <w:sz-cs w:val="24"/>
        </w:rPr>
        <w:t xml:space="preserve">I mean they were all Polish, all Polish citizens.  Smuggling Polish citizens. They were willing to fight </w:t>
      </w:r>
    </w:p>
    <w:p>
      <w:pPr/>
      <w:r>
        <w:rPr>
          <w:rFonts w:ascii="Helvetica Light" w:hAnsi="Helvetica Light" w:cs="Helvetica Light"/>
          <w:sz w:val="24"/>
          <w:sz-cs w:val="24"/>
        </w:rPr>
        <w:t xml:space="preserve">Hitler.\par</w:t>
      </w:r>
    </w:p>
    <w:p>
      <w:pPr/>
      <w:r>
        <w:rPr>
          <w:rFonts w:ascii="Helvetica Light" w:hAnsi="Helvetica Light" w:cs="Helvetica Light"/>
          <w:sz w:val="24"/>
          <w:sz-cs w:val="24"/>
        </w:rPr>
        <w:t xml:space="preserve">}{\plain \tab JF:\tab So this group then included both Christians and Jews?\par</w:t>
      </w:r>
    </w:p>
    <w:p>
      <w:pPr/>
      <w:r>
        <w:rPr>
          <w:rFonts w:ascii="Helvetica Light" w:hAnsi="Helvetica Light" w:cs="Helvetica Light"/>
          <w:sz w:val="24"/>
          <w:sz-cs w:val="24"/>
        </w:rPr>
        <w:t xml:space="preserve">}{\plain \tab MT:\tab That is correct.\par</w:t>
      </w:r>
    </w:p>
    <w:p>
      <w:pPr/>
      <w:r>
        <w:rPr>
          <w:rFonts w:ascii="Helvetica Light" w:hAnsi="Helvetica Light" w:cs="Helvetica Light"/>
          <w:sz w:val="24"/>
          <w:sz-cs w:val="24"/>
        </w:rPr>
        <w:t xml:space="preserve">}{\plain \tab JF:\tab When your father and your family left Poland, initially it was to escape the Ukrainians </w:t>
      </w:r>
    </w:p>
    <w:p>
      <w:pPr/>
      <w:r>
        <w:rPr>
          <w:rFonts w:ascii="Helvetica Light" w:hAnsi="Helvetica Light" w:cs="Helvetica Light"/>
          <w:sz w:val="24"/>
          <w:sz-cs w:val="24"/>
        </w:rPr>
        <w:t xml:space="preserve">who were after you?\par</w:t>
      </w:r>
    </w:p>
    <w:p>
      <w:pPr/>
      <w:r>
        <w:rPr>
          <w:rFonts w:ascii="Helvetica Light" w:hAnsi="Helvetica Light" w:cs="Helvetica Light"/>
          <w:sz w:val="24"/>
          <w:sz-cs w:val="24"/>
        </w:rPr>
        <w:t xml:space="preserve">}{\plain \tab MT: \tab Yes.\par</w:t>
      </w:r>
    </w:p>
    <w:p>
      <w:pPr/>
      <w:r>
        <w:rPr>
          <w:rFonts w:ascii="Helvetica Light" w:hAnsi="Helvetica Light" w:cs="Helvetica Light"/>
          <w:sz w:val="24"/>
          <w:sz-cs w:val="24"/>
        </w:rPr>
        <w:t xml:space="preserve">}{\plain \tab JF:\tab Was he involved in any kind of movement at that time?  Was he a political person then, </w:t>
      </w:r>
    </w:p>
    <w:p>
      <w:pPr/>
      <w:r>
        <w:rPr>
          <w:rFonts w:ascii="Helvetica Light" w:hAnsi="Helvetica Light" w:cs="Helvetica Light"/>
          <w:sz w:val="24"/>
          <w:sz-cs w:val="24"/>
        </w:rPr>
        <w:t xml:space="preserve">or was it not until he got to Hungary?\par</w:t>
      </w:r>
    </w:p>
    <w:p>
      <w:pPr/>
      <w:r>
        <w:rPr>
          <w:rFonts w:ascii="Helvetica Light" w:hAnsi="Helvetica Light" w:cs="Helvetica Light"/>
          <w:sz w:val="24"/>
          <w:sz-cs w:val="24"/>
        </w:rPr>
        <w:t xml:space="preserve">}{\plain \tab MT:\tab No, he was not. That is the sad thing. He was not. They were, I think, double-crossed, </w:t>
      </w:r>
    </w:p>
    <w:p>
      <w:pPr/>
      <w:r>
        <w:rPr>
          <w:rFonts w:ascii="Helvetica Light" w:hAnsi="Helvetica Light" w:cs="Helvetica Light"/>
          <w:sz w:val="24"/>
          <w:sz-cs w:val="24"/>
        </w:rPr>
        <w:t xml:space="preserve">by the government. They were not aware of what\'92s going to happen. They were constantly told by </w:t>
      </w:r>
    </w:p>
    <w:p>
      <w:pPr/>
      <w:r>
        <w:rPr>
          <w:rFonts w:ascii="Helvetica Light" w:hAnsi="Helvetica Light" w:cs="Helvetica Light"/>
          <w:sz w:val="24"/>
          <w:sz-cs w:val="24"/>
        </w:rPr>
        <w:t xml:space="preserve">government that are ready and able to stop any aggression from Hitler\'92s side,}{\plain \sub  }{\plain \'91cause Hitler was </w:t>
      </w:r>
    </w:p>
    <w:p>
      <w:pPr/>
      <w:r>
        <w:rPr>
          <w:rFonts w:ascii="Helvetica Light" w:hAnsi="Helvetica Light" w:cs="Helvetica Light"/>
          <w:sz w:val="24"/>
          <w:sz-cs w:val="24"/>
        </w:rPr>
        <w:t xml:space="preserve">making a lot of noises, and the world knew it.\par</w:t>
      </w:r>
    </w:p>
    <w:p>
      <w:pPr/>
      <w:r>
        <w:rPr>
          <w:rFonts w:ascii="Helvetica Light" w:hAnsi="Helvetica Light" w:cs="Helvetica Light"/>
          <w:sz w:val="24"/>
          <w:sz-cs w:val="24"/>
        </w:rPr>
        <w:t xml:space="preserve">}{\plain \tab JF:\tab But your father, then, felt deluded by the Polish government? And he was, therefore, </w:t>
      </w:r>
    </w:p>
    <w:p>
      <w:pPr/>
      <w:r>
        <w:rPr>
          <w:rFonts w:ascii="Helvetica Light" w:hAnsi="Helvetica Light" w:cs="Helvetica Light"/>
          <w:sz w:val="24"/>
          <w:sz-cs w:val="24"/>
        </w:rPr>
        <w:t xml:space="preserve">not prepared for the invasion?\par</w:t>
      </w:r>
    </w:p>
    <w:p>
      <w:pPr/>
      <w:r>
        <w:rPr>
          <w:rFonts w:ascii="Helvetica Light" w:hAnsi="Helvetica Light" w:cs="Helvetica Light"/>
          <w:sz w:val="24"/>
          <w:sz-cs w:val="24"/>
        </w:rPr>
        <w:t xml:space="preserve">}{\plain \tab MT:\tab Yes. Correct. As a matter of fact he often says that we should have had something. </w:t>
      </w:r>
    </w:p>
    <w:p>
      <w:pPr/>
      <w:r>
        <w:rPr>
          <w:rFonts w:ascii="Helvetica Light" w:hAnsi="Helvetica Light" w:cs="Helvetica Light"/>
          <w:sz w:val="24"/>
          <w:sz-cs w:val="24"/>
        </w:rPr>
        <w:t xml:space="preserve">We were told we have it. They would take an airplane, they would take a new machine gun and drive </w:t>
      </w:r>
    </w:p>
    <w:p>
      <w:pPr/>
      <w:r>
        <w:rPr>
          <w:rFonts w:ascii="Helvetica Light" w:hAnsi="Helvetica Light" w:cs="Helvetica Light"/>
          <w:sz w:val="24"/>
          <w:sz-cs w:val="24"/>
        </w:rPr>
        <w:t xml:space="preserve">it from place to place and show it to the people what we are doing, the government.\par</w:t>
      </w:r>
    </w:p>
    <w:p>
      <w:pPr/>
      <w:r>
        <w:rPr>
          <w:rFonts w:ascii="Helvetica Light" w:hAnsi="Helvetica Light" w:cs="Helvetica Light"/>
          <w:sz w:val="24"/>
          <w:sz-cs w:val="24"/>
        </w:rPr>
        <w:t xml:space="preserve">}{\plain \tab JF:\tab The government would do this?\par</w:t>
      </w:r>
    </w:p>
    <w:p>
      <w:pPr/>
      <w:r>
        <w:rPr>
          <w:rFonts w:ascii="Helvetica Light" w:hAnsi="Helvetica Light" w:cs="Helvetica Light"/>
          <w:sz w:val="24"/>
          <w:sz-cs w:val="24"/>
        </w:rPr>
        <w:t xml:space="preserve">}{\plain \tab MT: \tab And it would be the same airplane, new airplane and new weapon of some sort, that </w:t>
      </w:r>
    </w:p>
    <w:p>
      <w:pPr/>
      <w:r>
        <w:rPr>
          <w:rFonts w:ascii="Helvetica Light" w:hAnsi="Helvetica Light" w:cs="Helvetica Light"/>
          <w:sz w:val="24"/>
          <w:sz-cs w:val="24"/>
        </w:rPr>
        <w:t xml:space="preserve">would travel from city to city, from village to village, just to keep the people confused that things are </w:t>
      </w:r>
    </w:p>
    <w:p>
      <w:pPr/>
      <w:r>
        <w:rPr>
          <w:rFonts w:ascii="Helvetica Light" w:hAnsi="Helvetica Light" w:cs="Helvetica Light"/>
          <w:sz w:val="24"/>
          <w:sz-cs w:val="24"/>
        </w:rPr>
        <w:t xml:space="preserve">fine.\par</w:t>
      </w:r>
    </w:p>
    <w:p>
      <w:pPr/>
      <w:r>
        <w:rPr>
          <w:rFonts w:ascii="Helvetica Light" w:hAnsi="Helvetica Light" w:cs="Helvetica Light"/>
          <w:sz w:val="24"/>
          <w:sz-cs w:val="24"/>
        </w:rPr>
        <w:t xml:space="preserve">}{\plain \tab JF: \tab But people as educated and knowledgeable as your father trusted that this indeed was </w:t>
      </w:r>
    </w:p>
    <w:p>
      <w:pPr/>
      <w:r>
        <w:rPr>
          <w:rFonts w:ascii="Helvetica Light" w:hAnsi="Helvetica Light" w:cs="Helvetica Light"/>
          <w:sz w:val="24"/>
          <w:sz-cs w:val="24"/>
        </w:rPr>
        <w:t xml:space="preserve">what was going on?\par</w:t>
      </w:r>
    </w:p>
    <w:p>
      <w:pPr/>
      <w:r>
        <w:rPr>
          <w:rFonts w:ascii="Helvetica Light" w:hAnsi="Helvetica Light" w:cs="Helvetica Light"/>
          <w:sz w:val="24"/>
          <w:sz-cs w:val="24"/>
        </w:rPr>
        <w:t xml:space="preserve">}{\plain \tab MT:\tab Yes.\par</w:t>
      </w:r>
    </w:p>
    <w:p>
      <w:pPr/>
      <w:r>
        <w:rPr>
          <w:rFonts w:ascii="Helvetica Light" w:hAnsi="Helvetica Light" w:cs="Helvetica Light"/>
          <w:sz w:val="24"/>
          <w:sz-cs w:val="24"/>
        </w:rPr>
        <w:t xml:space="preserve">}{\plain \tab JF: \tab So that his feeling upon leaving must have been betrayal?\par</w:t>
      </w:r>
    </w:p>
    <w:p>
      <w:pPr/>
      <w:r>
        <w:rPr>
          <w:rFonts w:ascii="Helvetica Light" w:hAnsi="Helvetica Light" w:cs="Helvetica Light"/>
          <w:sz w:val="24"/>
          <w:sz-cs w:val="24"/>
        </w:rPr>
        <w:t xml:space="preserve">}{\plain \tab MT:\tab Betrayal. When somebody made something out of it. It\'92s a betrayal.\par</w:t>
      </w:r>
    </w:p>
    <w:p>
      <w:pPr/>
      <w:r>
        <w:rPr>
          <w:rFonts w:ascii="Helvetica Light" w:hAnsi="Helvetica Light" w:cs="Helvetica Light"/>
          <w:sz w:val="24"/>
          <w:sz-cs w:val="24"/>
        </w:rPr>
        <w:t xml:space="preserve">}{\plain \tab JF:\tab And yet he was willing to get involved in an underground to restore Polish...\par</w:t>
      </w:r>
    </w:p>
    <w:p>
      <w:pPr/>
      <w:r>
        <w:rPr>
          <w:rFonts w:ascii="Helvetica Light" w:hAnsi="Helvetica Light" w:cs="Helvetica Light"/>
          <w:sz w:val="24"/>
          <w:sz-cs w:val="24"/>
        </w:rPr>
        <w:t xml:space="preserve">}{\plain \tab MT:\tab That is correct, because actually our duty was from then on to fight Hitler with </w:t>
      </w:r>
    </w:p>
    <w:p>
      <w:pPr/>
      <w:r>
        <w:rPr>
          <w:rFonts w:ascii="Helvetica Light" w:hAnsi="Helvetica Light" w:cs="Helvetica Light"/>
          <w:sz w:val="24"/>
          <w:sz-cs w:val="24"/>
        </w:rPr>
        <w:t xml:space="preserve">everything you have. Now, he had family.   I don\'92t know whether I could do that, to give up my kids </w:t>
      </w:r>
    </w:p>
    <w:p>
      <w:pPr/>
      <w:r>
        <w:rPr>
          <w:rFonts w:ascii="Helvetica Light" w:hAnsi="Helvetica Light" w:cs="Helvetica Light"/>
          <w:sz w:val="24"/>
          <w:sz-cs w:val="24"/>
        </w:rPr>
        <w:t xml:space="preserve">and my wife and go ahead and spend all the time on the road, knowing if I would be caught, their </w:t>
      </w:r>
    </w:p>
    <w:p>
      <w:pPr/>
      <w:r>
        <w:rPr>
          <w:rFonts w:ascii="Helvetica Light" w:hAnsi="Helvetica Light" w:cs="Helvetica Light"/>
          <w:sz w:val="24"/>
          <w:sz-cs w:val="24"/>
        </w:rPr>
        <w:t xml:space="preserve">lives are in danger.\par</w:t>
      </w:r>
    </w:p>
    <w:p>
      <w:pPr/>
      <w:r>
        <w:rPr>
          <w:rFonts w:ascii="Helvetica Light" w:hAnsi="Helvetica Light" w:cs="Helvetica Light"/>
          <w:sz w:val="24"/>
          <w:sz-cs w:val="24"/>
        </w:rPr>
        <w:t xml:space="preserve">}{\plain \tab JF:\tab He was supposed to be working, according to this plan, of being in the camps?\par</w:t>
      </w:r>
    </w:p>
    <w:p>
      <w:pPr/>
      <w:r>
        <w:rPr>
          <w:rFonts w:ascii="Helvetica Light" w:hAnsi="Helvetica Light" w:cs="Helvetica Light"/>
          <w:sz w:val="24"/>
          <w:sz-cs w:val="24"/>
        </w:rPr>
        <w:t xml:space="preserve">}{\plain \tab MT:\tab Yes, he had to report to the police station.\par</w:t>
      </w:r>
    </w:p>
    <w:p>
      <w:pPr/>
      <w:r>
        <w:rPr>
          <w:rFonts w:ascii="Helvetica Light" w:hAnsi="Helvetica Light" w:cs="Helvetica Light"/>
          <w:sz w:val="24"/>
          <w:sz-cs w:val="24"/>
        </w:rPr>
        <w:t xml:space="preserve">}{\plain \tab JF:\tab How did he finesse that?\par</w:t>
      </w:r>
    </w:p>
    <w:p>
      <w:pPr/>
      <w:r>
        <w:rPr>
          <w:rFonts w:ascii="Helvetica Light" w:hAnsi="Helvetica Light" w:cs="Helvetica Light"/>
          <w:sz w:val="24"/>
          <w:sz-cs w:val="24"/>
        </w:rPr>
        <w:t xml:space="preserve">}{\plain \tab MT:\tab So, my mother-- we also had other people there, and one of them was like a cousin </w:t>
      </w:r>
    </w:p>
    <w:p>
      <w:pPr/>
      <w:r>
        <w:rPr>
          <w:rFonts w:ascii="Helvetica Light" w:hAnsi="Helvetica Light" w:cs="Helvetica Light"/>
          <w:sz w:val="24"/>
          <w:sz-cs w:val="24"/>
        </w:rPr>
        <w:t xml:space="preserve">to us. She grabbed him and she said, whatever his name was, Walter or something, \'93You are coming </w:t>
      </w:r>
    </w:p>
    <w:p>
      <w:pPr/>
      <w:r>
        <w:rPr>
          <w:rFonts w:ascii="Helvetica Light" w:hAnsi="Helvetica Light" w:cs="Helvetica Light"/>
          <w:sz w:val="24"/>
          <w:sz-cs w:val="24"/>
        </w:rPr>
        <w:t xml:space="preserve">with me. You are Marian Turzanski.\'94 I am junior; my father is also Marian. So they went to the </w:t>
      </w:r>
    </w:p>
    <w:p>
      <w:pPr/>
      <w:r>
        <w:rPr>
          <w:rFonts w:ascii="Helvetica Light" w:hAnsi="Helvetica Light" w:cs="Helvetica Light"/>
          <w:sz w:val="24"/>
          <w:sz-cs w:val="24"/>
        </w:rPr>
        <w:t xml:space="preserve">police station.\par</w:t>
      </w:r>
    </w:p>
    <w:p>
      <w:pPr/>
      <w:r>
        <w:rPr>
          <w:rFonts w:ascii="Helvetica Light" w:hAnsi="Helvetica Light" w:cs="Helvetica Light"/>
          <w:sz w:val="24"/>
          <w:sz-cs w:val="24"/>
        </w:rPr>
        <w:t xml:space="preserve">}{\plain \tab JF: \tab Your mother took him?\par</w:t>
      </w:r>
    </w:p>
    <w:p>
      <w:pPr/>
      <w:r>
        <w:rPr>
          <w:rFonts w:ascii="Helvetica Light" w:hAnsi="Helvetica Light" w:cs="Helvetica Light"/>
          <w:sz w:val="24"/>
          <w:sz-cs w:val="24"/>
        </w:rPr>
        <w:t xml:space="preserve">}{\plain \tab MT:\tab Yes. They went hand by hand and they signed that report. My mother is Ottelia and </w:t>
      </w:r>
    </w:p>
    <w:p>
      <w:pPr/>
      <w:r>
        <w:rPr>
          <w:rFonts w:ascii="Helvetica Light" w:hAnsi="Helvetica Light" w:cs="Helvetica Light"/>
          <w:sz w:val="24"/>
          <w:sz-cs w:val="24"/>
        </w:rPr>
        <w:t xml:space="preserve">he was Marian. Later on my father came, and I think that is what actually made them move again. </w:t>
      </w:r>
    </w:p>
    <w:p>
      <w:pPr/>
      <w:r>
        <w:rPr>
          <w:rFonts w:ascii="Helvetica Light" w:hAnsi="Helvetica Light" w:cs="Helvetica Light"/>
          <w:sz w:val="24"/>
          <w:sz-cs w:val="24"/>
        </w:rPr>
        <w:t xml:space="preserve">They discovered that my father-- \'93Who\'92s he?\'94 \'93Oh, he\'92s my husband,\'94 Somebody else was signing, </w:t>
      </w:r>
    </w:p>
    <w:p>
      <w:pPr/>
      <w:r>
        <w:rPr>
          <w:rFonts w:ascii="Helvetica Light" w:hAnsi="Helvetica Light" w:cs="Helvetica Light"/>
          <w:sz w:val="24"/>
          <w:sz-cs w:val="24"/>
        </w:rPr>
        <w:t xml:space="preserve">and that is what kicked us out of one place to another. I think that was the reason. I am not sure what </w:t>
      </w:r>
    </w:p>
    <w:p>
      <w:pPr/>
      <w:r>
        <w:rPr>
          <w:rFonts w:ascii="Helvetica Light" w:hAnsi="Helvetica Light" w:cs="Helvetica Light"/>
          <w:sz w:val="24"/>
          <w:sz-cs w:val="24"/>
        </w:rPr>
        <w:t xml:space="preserve">made us move so much. Or, maybe it was to get away from Polish border, but no, we didn\'92t want to </w:t>
      </w:r>
    </w:p>
    <w:p>
      <w:pPr/>
      <w:r>
        <w:rPr>
          <w:rFonts w:ascii="Helvetica Light" w:hAnsi="Helvetica Light" w:cs="Helvetica Light"/>
          <w:sz w:val="24"/>
          <w:sz-cs w:val="24"/>
        </w:rPr>
        <w:t xml:space="preserve">do that so that we wanted to stay as close as we could...\par</w:t>
      </w:r>
    </w:p>
    <w:p>
      <w:pPr/>
      <w:r>
        <w:rPr>
          <w:rFonts w:ascii="Helvetica Light" w:hAnsi="Helvetica Light" w:cs="Helvetica Light"/>
          <w:sz w:val="24"/>
          <w:sz-cs w:val="24"/>
        </w:rPr>
        <w:t xml:space="preserve">}{\plain \tab JF:\tab How much could your parents share with you during this time of what was going on? </w:t>
      </w:r>
    </w:p>
    <w:p>
      <w:pPr/>
      <w:r>
        <w:rPr>
          <w:rFonts w:ascii="Helvetica Light" w:hAnsi="Helvetica Light" w:cs="Helvetica Light"/>
          <w:sz w:val="24"/>
          <w:sz-cs w:val="24"/>
        </w:rPr>
        <w:t xml:space="preserve">What was the role of children in that time? Were they included in any of this discussion?\par</w:t>
      </w:r>
    </w:p>
    <w:p>
      <w:pPr/>
      <w:r>
        <w:rPr>
          <w:rFonts w:ascii="Helvetica Light" w:hAnsi="Helvetica Light" w:cs="Helvetica Light"/>
          <w:sz w:val="24"/>
          <w:sz-cs w:val="24"/>
        </w:rPr>
        <w:t xml:space="preserve">}{\plain \tab MT:\tab We were excluded from all serious talks, because I don\'92t remember any serious </w:t>
      </w:r>
    </w:p>
    <w:p>
      <w:pPr/>
      <w:r>
        <w:rPr>
          <w:rFonts w:ascii="Helvetica Light" w:hAnsi="Helvetica Light" w:cs="Helvetica Light"/>
          <w:sz w:val="24"/>
          <w:sz-cs w:val="24"/>
        </w:rPr>
        <w:t xml:space="preserve">meetings, and they had a whole lot of them. We had a lot of parties, and, of course, in Europe </w:t>
      </w:r>
    </w:p>
    <w:p>
      <w:pPr/>
      <w:r>
        <w:rPr>
          <w:rFonts w:ascii="Helvetica Light" w:hAnsi="Helvetica Light" w:cs="Helvetica Light"/>
          <w:sz w:val="24"/>
          <w:sz-cs w:val="24"/>
        </w:rPr>
        <w:t xml:space="preserve">children are not part of the adult world. They have their own place. So even at the dinner table, if </w:t>
      </w:r>
    </w:p>
    <w:p>
      <w:pPr/>
      <w:r>
        <w:rPr>
          <w:rFonts w:ascii="Helvetica Light" w:hAnsi="Helvetica Light" w:cs="Helvetica Light"/>
          <w:sz w:val="24"/>
          <w:sz-cs w:val="24"/>
        </w:rPr>
        <w:t xml:space="preserve">there is a big party, children do not participate in that because it is for adults. Family gatherings, yes, </w:t>
      </w:r>
    </w:p>
    <w:p>
      <w:pPr/>
      <w:r>
        <w:rPr>
          <w:rFonts w:ascii="Helvetica Light" w:hAnsi="Helvetica Light" w:cs="Helvetica Light"/>
          <w:sz w:val="24"/>
          <w:sz-cs w:val="24"/>
        </w:rPr>
        <w:t xml:space="preserve">children have their own place. I remember all those big people coming, with big degrees. There was </w:t>
      </w:r>
    </w:p>
    <w:p>
      <w:pPr/>
      <w:r>
        <w:rPr>
          <w:rFonts w:ascii="Helvetica Light" w:hAnsi="Helvetica Light" w:cs="Helvetica Light"/>
          <w:sz w:val="24"/>
          <w:sz-cs w:val="24"/>
        </w:rPr>
        <w:t xml:space="preserve">an awful lot of intelligentsia that left Poland. Actually, that\'92s all that left Poland, educated individuals </w:t>
      </w:r>
    </w:p>
    <w:p>
      <w:pPr/>
      <w:r>
        <w:rPr>
          <w:rFonts w:ascii="Helvetica Light" w:hAnsi="Helvetica Light" w:cs="Helvetica Light"/>
          <w:sz w:val="24"/>
          <w:sz-cs w:val="24"/>
        </w:rPr>
        <w:t xml:space="preserve">that could care less about their wealth. They just took off with their lives. They would always gather </w:t>
      </w:r>
    </w:p>
    <w:p>
      <w:pPr/>
      <w:r>
        <w:rPr>
          <w:rFonts w:ascii="Helvetica Light" w:hAnsi="Helvetica Light" w:cs="Helvetica Light"/>
          <w:sz w:val="24"/>
          <w:sz-cs w:val="24"/>
        </w:rPr>
        <w:t xml:space="preserve">and it seemed like a party, but now I understand that those were political meetings.\par</w:t>
      </w:r>
    </w:p>
    <w:p>
      <w:pPr/>
      <w:r>
        <w:rPr>
          <w:rFonts w:ascii="Helvetica Light" w:hAnsi="Helvetica Light" w:cs="Helvetica Light"/>
          <w:sz w:val="24"/>
          <w:sz-cs w:val="24"/>
        </w:rPr>
        <w:t xml:space="preserve">}{\plain \tab JF:\tab This was the time; that was the cover.\par</w:t>
      </w:r>
    </w:p>
    <w:p>
      <w:pPr/>
      <w:r>
        <w:rPr>
          <w:rFonts w:ascii="Helvetica Light" w:hAnsi="Helvetica Light" w:cs="Helvetica Light"/>
          <w:sz w:val="24"/>
          <w:sz-cs w:val="24"/>
        </w:rPr>
        <w:t xml:space="preserve">}{\plain \tab MT:\tab And they even had to hide the radios, that\'92s in Hungary. Hide the radios and listen to </w:t>
      </w:r>
    </w:p>
    <w:p>
      <w:pPr/>
      <w:r>
        <w:rPr>
          <w:rFonts w:ascii="Helvetica Light" w:hAnsi="Helvetica Light" w:cs="Helvetica Light"/>
          <w:sz w:val="24"/>
          <w:sz-cs w:val="24"/>
        </w:rPr>
        <w:t xml:space="preserve">BBC, London.\par</w:t>
      </w:r>
    </w:p>
    <w:p>
      <w:pPr/>
      <w:r>
        <w:rPr>
          <w:rFonts w:ascii="Helvetica Light" w:hAnsi="Helvetica Light" w:cs="Helvetica Light"/>
          <w:sz w:val="24"/>
          <w:sz-cs w:val="24"/>
        </w:rPr>
        <w:t xml:space="preserve">}{\plain \tab JF:\tab What you\'92re saying is that the parties you are describing were also in Poland?\par</w:t>
      </w:r>
    </w:p>
    <w:p>
      <w:pPr/>
      <w:r>
        <w:rPr>
          <w:rFonts w:ascii="Helvetica Light" w:hAnsi="Helvetica Light" w:cs="Helvetica Light"/>
          <w:sz w:val="24"/>
          <w:sz-cs w:val="24"/>
        </w:rPr>
        <w:t xml:space="preserve">}{\plain \tab MT: \tab No, that was in Hungary.\par</w:t>
      </w:r>
    </w:p>
    <w:p>
      <w:pPr/>
      <w:r>
        <w:rPr>
          <w:rFonts w:ascii="Helvetica Light" w:hAnsi="Helvetica Light" w:cs="Helvetica Light"/>
          <w:sz w:val="24"/>
          <w:sz-cs w:val="24"/>
        </w:rPr>
        <w:t xml:space="preserve">}{\plain \tab JF:\tab This was all in Hungary?\par</w:t>
      </w:r>
    </w:p>
    <w:p>
      <w:pPr/>
      <w:r>
        <w:rPr>
          <w:rFonts w:ascii="Helvetica Light" w:hAnsi="Helvetica Light" w:cs="Helvetica Light"/>
          <w:sz w:val="24"/>
          <w:sz-cs w:val="24"/>
        </w:rPr>
        <w:t xml:space="preserve">}{\plain \tab MT:\tab I am in Hungary now, It was all in Hungary. It was in Keszthely.  I remember that\'92s </w:t>
      </w:r>
    </w:p>
    <w:p>
      <w:pPr/>
      <w:r>
        <w:rPr>
          <w:rFonts w:ascii="Helvetica Light" w:hAnsi="Helvetica Light" w:cs="Helvetica Light"/>
          <w:sz w:val="24"/>
          <w:sz-cs w:val="24"/>
        </w:rPr>
        <w:t xml:space="preserve">where a lot of things were happening. Now in Keszthely also, it was 1942, I believe, or maybe it was </w:t>
      </w:r>
    </w:p>
    <w:p>
      <w:pPr/>
      <w:r>
        <w:rPr>
          <w:rFonts w:ascii="Helvetica Light" w:hAnsi="Helvetica Light" w:cs="Helvetica Light"/>
          <w:sz w:val="24"/>
          <w:sz-cs w:val="24"/>
        </w:rPr>
        <w:t xml:space="preserve">later, maybe it was \'9144 when Goldreich-- and his first name--I just talked to my parents on the phone </w:t>
      </w:r>
    </w:p>
    <w:p>
      <w:pPr/>
      <w:r>
        <w:rPr>
          <w:rFonts w:ascii="Helvetica Light" w:hAnsi="Helvetica Light" w:cs="Helvetica Light"/>
          <w:sz w:val="24"/>
          <w:sz-cs w:val="24"/>
        </w:rPr>
        <w:t xml:space="preserve">yesterday--was Samuel. They went to our priest in Felicenthal [phonetic]. That was the next village, </w:t>
      </w:r>
    </w:p>
    <w:p>
      <w:pPr/>
      <w:r>
        <w:rPr>
          <w:rFonts w:ascii="Helvetica Light" w:hAnsi="Helvetica Light" w:cs="Helvetica Light"/>
          <w:sz w:val="24"/>
          <w:sz-cs w:val="24"/>
        </w:rPr>
        <w:t xml:space="preserve">a  German village, and asked him for our baptismal certificates\par</w:t>
      </w:r>
    </w:p>
    <w:p>
      <w:pPr/>
      <w:r>
        <w:rPr>
          <w:rFonts w:ascii="Helvetica Light" w:hAnsi="Helvetica Light" w:cs="Helvetica Light"/>
          <w:sz w:val="24"/>
          <w:sz-cs w:val="24"/>
        </w:rPr>
        <w:t xml:space="preserve">}{\plain \tab JF:\tab This was after you had already left?\par</w:t>
      </w:r>
    </w:p>
    <w:p>
      <w:pPr/>
      <w:r>
        <w:rPr>
          <w:rFonts w:ascii="Helvetica Light" w:hAnsi="Helvetica Light" w:cs="Helvetica Light"/>
          <w:sz w:val="24"/>
          <w:sz-cs w:val="24"/>
        </w:rPr>
        <w:t xml:space="preserve">}{\plain \tab MT:\tab After we left. And I understand that my parents had made an agreement, or asked the </w:t>
      </w:r>
    </w:p>
    <w:p>
      <w:pPr/>
      <w:r>
        <w:rPr>
          <w:rFonts w:ascii="Helvetica Light" w:hAnsi="Helvetica Light" w:cs="Helvetica Light"/>
          <w:sz w:val="24"/>
          <w:sz-cs w:val="24"/>
        </w:rPr>
        <w:t xml:space="preserve">priest when they took-- because they were in custody of the, the birth certificates, for some reason. </w:t>
      </w:r>
    </w:p>
    <w:p>
      <w:pPr/>
      <w:r>
        <w:rPr>
          <w:rFonts w:ascii="Helvetica Light" w:hAnsi="Helvetica Light" w:cs="Helvetica Light"/>
          <w:sz w:val="24"/>
          <w:sz-cs w:val="24"/>
        </w:rPr>
        <w:t xml:space="preserve">They took it to the priest, and if somebody needs it, give them our certificates.\par</w:t>
      </w:r>
    </w:p>
    <w:p>
      <w:pPr/>
      <w:r>
        <w:rPr>
          <w:rFonts w:ascii="Helvetica Light" w:hAnsi="Helvetica Light" w:cs="Helvetica Light"/>
          <w:sz w:val="24"/>
          <w:sz-cs w:val="24"/>
        </w:rPr>
        <w:t xml:space="preserve">}{\plain \tab JF:\tab Goldreich would not have come directly to your parents to ask for this?\par</w:t>
      </w:r>
    </w:p>
    <w:p>
      <w:pPr/>
      <w:r>
        <w:rPr>
          <w:rFonts w:ascii="Helvetica Light" w:hAnsi="Helvetica Light" w:cs="Helvetica Light"/>
          <w:sz w:val="24"/>
          <w:sz-cs w:val="24"/>
        </w:rPr>
        <w:t xml:space="preserve">}{\plain \tab MT: \tab No, we were not there. After we left he went, because he knew our relationship, I </w:t>
      </w:r>
    </w:p>
    <w:p>
      <w:pPr/>
      <w:r>
        <w:rPr>
          <w:rFonts w:ascii="Helvetica Light" w:hAnsi="Helvetica Light" w:cs="Helvetica Light"/>
          <w:sz w:val="24"/>
          <w:sz-cs w:val="24"/>
        </w:rPr>
        <w:t xml:space="preserve">guess. The priest knew our relationship or something.  He went and the priest gave him our birth </w:t>
      </w:r>
    </w:p>
    <w:p>
      <w:pPr/>
      <w:r>
        <w:rPr>
          <w:rFonts w:ascii="Helvetica Light" w:hAnsi="Helvetica Light" w:cs="Helvetica Light"/>
          <w:sz w:val="24"/>
          <w:sz-cs w:val="24"/>
        </w:rPr>
        <w:t xml:space="preserve">certificate of our cousin because they were trying to match the ages. Our cousin\'92s name was Walter </w:t>
      </w:r>
    </w:p>
    <w:p>
      <w:pPr/>
      <w:r>
        <w:rPr>
          <w:rFonts w:ascii="Helvetica Light" w:hAnsi="Helvetica Light" w:cs="Helvetica Light"/>
          <w:sz w:val="24"/>
          <w:sz-cs w:val="24"/>
        </w:rPr>
        <w:t xml:space="preserve">Turzanski, and he traveled and met us in Keszthely, Hungary, with that birth certificate. \par</w:t>
      </w:r>
    </w:p>
    <w:p>
      <w:pPr/>
      <w:r>
        <w:rPr>
          <w:rFonts w:ascii="Helvetica Light" w:hAnsi="Helvetica Light" w:cs="Helvetica Light"/>
          <w:sz w:val="24"/>
          <w:sz-cs w:val="24"/>
        </w:rPr>
        <w:t xml:space="preserve">}{\plain \tab JF:\tab Mr. Goldreich. \par</w:t>
      </w:r>
    </w:p>
    <w:p>
      <w:pPr/>
      <w:r>
        <w:rPr>
          <w:rFonts w:ascii="Helvetica Light" w:hAnsi="Helvetica Light" w:cs="Helvetica Light"/>
          <w:sz w:val="24"/>
          <w:sz-cs w:val="24"/>
        </w:rPr>
        <w:t xml:space="preserve">}{\plain \tab MT:\tab I remember him, curly hair, tall, good-looking young individual. Young, he was in his </w:t>
      </w:r>
    </w:p>
    <w:p>
      <w:pPr/>
      <w:r>
        <w:rPr>
          <w:rFonts w:ascii="Helvetica Light" w:hAnsi="Helvetica Light" w:cs="Helvetica Light"/>
          <w:sz w:val="24"/>
          <w:sz-cs w:val="24"/>
        </w:rPr>
        <w:t xml:space="preserve">30's. Good looking man. But he came. I thought my father stole him from the train going to Germany, </w:t>
      </w:r>
    </w:p>
    <w:p>
      <w:pPr/>
      <w:r>
        <w:rPr>
          <w:rFonts w:ascii="Helvetica Light" w:hAnsi="Helvetica Light" w:cs="Helvetica Light"/>
          <w:sz w:val="24"/>
          <w:sz-cs w:val="24"/>
        </w:rPr>
        <w:t xml:space="preserve">but it was not so. When things got very rough in Poland, he took the birth certificate prior to the-- </w:t>
      </w:r>
    </w:p>
    <w:p>
      <w:pPr/>
      <w:r>
        <w:rPr>
          <w:rFonts w:ascii="Helvetica Light" w:hAnsi="Helvetica Light" w:cs="Helvetica Light"/>
          <w:sz w:val="24"/>
          <w:sz-cs w:val="24"/>
        </w:rPr>
        <w:t xml:space="preserve">secured it, he left as a Turzanski.\par</w:t>
      </w:r>
    </w:p>
    <w:p>
      <w:pPr/>
      <w:r>
        <w:rPr>
          <w:rFonts w:ascii="Helvetica Light" w:hAnsi="Helvetica Light" w:cs="Helvetica Light"/>
          <w:sz w:val="24"/>
          <w:sz-cs w:val="24"/>
        </w:rPr>
        <w:t xml:space="preserve">}{\plain \tab JF:\tab What about his family?\par</w:t>
      </w:r>
    </w:p>
    <w:p>
      <w:pPr/>
      <w:r>
        <w:rPr>
          <w:rFonts w:ascii="Helvetica Light" w:hAnsi="Helvetica Light" w:cs="Helvetica Light"/>
          <w:sz w:val="24"/>
          <w:sz-cs w:val="24"/>
        </w:rPr>
        <w:t xml:space="preserve">}{\plain \tab MT: \tab His family was very sad. He told us that his wife-- they were constantly shepherd by </w:t>
      </w:r>
    </w:p>
    <w:p>
      <w:pPr/>
      <w:r>
        <w:rPr>
          <w:rFonts w:ascii="Helvetica Light" w:hAnsi="Helvetica Light" w:cs="Helvetica Light"/>
          <w:sz w:val="24"/>
          <w:sz-cs w:val="24"/>
        </w:rPr>
        <w:t xml:space="preserve">Ukrainians. The community was not that big, of us Poles and Jewish, only three families. They were </w:t>
      </w:r>
    </w:p>
    <w:p>
      <w:pPr/>
      <w:r>
        <w:rPr>
          <w:rFonts w:ascii="Helvetica Light" w:hAnsi="Helvetica Light" w:cs="Helvetica Light"/>
          <w:sz w:val="24"/>
          <w:sz-cs w:val="24"/>
        </w:rPr>
        <w:t xml:space="preserve">helped out by certain individuals, certain Ukrainians.  Well, it happened prior to, I believe July 4, </w:t>
      </w:r>
    </w:p>
    <w:p>
      <w:pPr/>
      <w:r>
        <w:rPr>
          <w:rFonts w:ascii="Helvetica Light" w:hAnsi="Helvetica Light" w:cs="Helvetica Light"/>
          <w:sz w:val="24"/>
          <w:sz-cs w:val="24"/>
        </w:rPr>
        <w:t xml:space="preserve">1944. July 4, 1944, they picked, like a 4th of July celebration to kill off Jews, I think.\par</w:t>
      </w:r>
    </w:p>
    <w:p>
      <w:pPr/>
      <w:r>
        <w:rPr>
          <w:rFonts w:ascii="Helvetica Light" w:hAnsi="Helvetica Light" w:cs="Helvetica Light"/>
          <w:sz w:val="24"/>
          <w:sz-cs w:val="24"/>
        </w:rPr>
        <w:t xml:space="preserve">}{\plain \tab JF: \tab The Germans or the Ukrainians.\par</w:t>
      </w:r>
    </w:p>
    <w:p>
      <w:pPr/>
      <w:r>
        <w:rPr>
          <w:rFonts w:ascii="Helvetica Light" w:hAnsi="Helvetica Light" w:cs="Helvetica Light"/>
          <w:sz w:val="24"/>
          <w:sz-cs w:val="24"/>
        </w:rPr>
        <w:t xml:space="preserve">}{\plain \tab MT: \tab The Ukrainians. In that territory, cause my grandfather and Walter told us that. His </w:t>
      </w:r>
    </w:p>
    <w:p>
      <w:pPr/>
      <w:r>
        <w:rPr>
          <w:rFonts w:ascii="Helvetica Light" w:hAnsi="Helvetica Light" w:cs="Helvetica Light"/>
          <w:sz w:val="24"/>
          <w:sz-cs w:val="24"/>
        </w:rPr>
        <w:t xml:space="preserve">wife for some reason went outside and they shot her. His wife, and we are not certain whether he </w:t>
      </w:r>
    </w:p>
    <w:p>
      <w:pPr/>
      <w:r>
        <w:rPr>
          <w:rFonts w:ascii="Helvetica Light" w:hAnsi="Helvetica Light" w:cs="Helvetica Light"/>
          <w:sz w:val="24"/>
          <w:sz-cs w:val="24"/>
        </w:rPr>
        <w:t xml:space="preserve">witnessed that or just did not go out because he knew that he would be destroyed immediately. But </w:t>
      </w:r>
    </w:p>
    <w:p>
      <w:pPr/>
      <w:r>
        <w:rPr>
          <w:rFonts w:ascii="Helvetica Light" w:hAnsi="Helvetica Light" w:cs="Helvetica Light"/>
          <w:sz w:val="24"/>
          <w:sz-cs w:val="24"/>
        </w:rPr>
        <w:t xml:space="preserve">his mother, Goldreich\'92s mother, went out to help her daughter-in-law and she was also killed, right </w:t>
      </w:r>
    </w:p>
    <w:p>
      <w:pPr/>
      <w:r>
        <w:rPr>
          <w:rFonts w:ascii="Helvetica Light" w:hAnsi="Helvetica Light" w:cs="Helvetica Light"/>
          <w:sz w:val="24"/>
          <w:sz-cs w:val="24"/>
        </w:rPr>
        <w:t xml:space="preserve">there.\par</w:t>
      </w:r>
    </w:p>
    <w:p>
      <w:pPr/>
      <w:r>
        <w:rPr>
          <w:rFonts w:ascii="Helvetica Light" w:hAnsi="Helvetica Light" w:cs="Helvetica Light"/>
          <w:sz w:val="24"/>
          <w:sz-cs w:val="24"/>
        </w:rPr>
        <w:t xml:space="preserve">}{\plain \tab JF:\tab These were by the Ukrainians who lived in the territory?\par</w:t>
      </w:r>
    </w:p>
    <w:p>
      <w:pPr/>
      <w:r>
        <w:rPr>
          <w:rFonts w:ascii="Helvetica Light" w:hAnsi="Helvetica Light" w:cs="Helvetica Light"/>
          <w:sz w:val="24"/>
          <w:sz-cs w:val="24"/>
        </w:rPr>
        <w:t xml:space="preserve">}{\plain \tab MT:\tab Territorial-- there was organized by Hitler a movement prior to the war. Somebody </w:t>
      </w:r>
    </w:p>
    <w:p>
      <w:pPr/>
      <w:r>
        <w:rPr>
          <w:rFonts w:ascii="Helvetica Light" w:hAnsi="Helvetica Light" w:cs="Helvetica Light"/>
          <w:sz w:val="24"/>
          <w:sz-cs w:val="24"/>
        </w:rPr>
        <w:t xml:space="preserve">must have known about it,  and they were given an authority to clean out the territory, and it\'92s going </w:t>
      </w:r>
    </w:p>
    <w:p>
      <w:pPr/>
      <w:r>
        <w:rPr>
          <w:rFonts w:ascii="Helvetica Light" w:hAnsi="Helvetica Light" w:cs="Helvetica Light"/>
          <w:sz w:val="24"/>
          <w:sz-cs w:val="24"/>
        </w:rPr>
        <w:t xml:space="preserve">to be theirs. They always wanted the Ukrainians. So the Poles and, of course, the Jews, had to go. </w:t>
      </w:r>
    </w:p>
    <w:p>
      <w:pPr/>
      <w:r>
        <w:rPr>
          <w:rFonts w:ascii="Helvetica Light" w:hAnsi="Helvetica Light" w:cs="Helvetica Light"/>
          <w:sz w:val="24"/>
          <w:sz-cs w:val="24"/>
        </w:rPr>
        <w:t xml:space="preserve">So, I remember my parents were telling me, one Jewish girl took a refuge in a Ukrainian house. She </w:t>
      </w:r>
    </w:p>
    <w:p>
      <w:pPr/>
      <w:r>
        <w:rPr>
          <w:rFonts w:ascii="Helvetica Light" w:hAnsi="Helvetica Light" w:cs="Helvetica Light"/>
          <w:sz w:val="24"/>
          <w:sz-cs w:val="24"/>
        </w:rPr>
        <w:t xml:space="preserve">took their name. She took their religion and she took their garments. She would go to the Orthodox </w:t>
      </w:r>
    </w:p>
    <w:p>
      <w:pPr/>
      <w:r>
        <w:rPr>
          <w:rFonts w:ascii="Helvetica Light" w:hAnsi="Helvetica Light" w:cs="Helvetica Light"/>
          <w:sz w:val="24"/>
          <w:sz-cs w:val="24"/>
        </w:rPr>
        <w:t xml:space="preserve">Church with them. On July 4th, my parents just told me, they took her out of the church. There was </w:t>
      </w:r>
    </w:p>
    <w:p>
      <w:pPr/>
      <w:r>
        <w:rPr>
          <w:rFonts w:ascii="Helvetica Light" w:hAnsi="Helvetica Light" w:cs="Helvetica Light"/>
          <w:sz w:val="24"/>
          <w:sz-cs w:val="24"/>
        </w:rPr>
        <w:t xml:space="preserve">some service and walked her so many kilometers to kill her with the rest of the group there.\par</w:t>
      </w:r>
    </w:p>
    <w:p>
      <w:pPr/>
      <w:r>
        <w:rPr>
          <w:rFonts w:ascii="Helvetica Light" w:hAnsi="Helvetica Light" w:cs="Helvetica Light"/>
          <w:sz w:val="24"/>
          <w:sz-cs w:val="24"/>
        </w:rPr>
        <w:t xml:space="preserve">}{\plain \tab JF:\tab This was the family that had sheltered her, or other Ukrainians?\par</w:t>
      </w:r>
    </w:p>
    <w:p>
      <w:pPr/>
      <w:r>
        <w:rPr>
          <w:rFonts w:ascii="Helvetica Light" w:hAnsi="Helvetica Light" w:cs="Helvetica Light"/>
          <w:sz w:val="24"/>
          <w:sz-cs w:val="24"/>
        </w:rPr>
        <w:t xml:space="preserve">}{\plain \tab MT:\tab No. The family-- my parents-- the family were not able to stop...\par</w:t>
      </w:r>
    </w:p>
    <w:p>
      <w:pPr/>
      <w:r>
        <w:rPr>
          <w:rFonts w:ascii="Helvetica Light" w:hAnsi="Helvetica Light" w:cs="Helvetica Light"/>
          <w:sz w:val="24"/>
          <w:sz-cs w:val="24"/>
        </w:rPr>
        <w:t xml:space="preserve">}{\plain \tab JF:\tab The family that she was staying with could not stop the other Ukrainians from killing </w:t>
      </w:r>
    </w:p>
    <w:p>
      <w:pPr/>
      <w:r>
        <w:rPr>
          <w:rFonts w:ascii="Helvetica Light" w:hAnsi="Helvetica Light" w:cs="Helvetica Light"/>
          <w:sz w:val="24"/>
          <w:sz-cs w:val="24"/>
        </w:rPr>
        <w:t xml:space="preserve">her.\par</w:t>
      </w:r>
    </w:p>
    <w:p>
      <w:pPr/>
      <w:r>
        <w:rPr>
          <w:rFonts w:ascii="Helvetica Light" w:hAnsi="Helvetica Light" w:cs="Helvetica Light"/>
          <w:sz w:val="24"/>
          <w:sz-cs w:val="24"/>
        </w:rPr>
        <w:t xml:space="preserve">}{\plain \tab MT:\tab Yes. Correct. So actually they did not do it, but they could not stop this from </w:t>
      </w:r>
    </w:p>
    <w:p>
      <w:pPr/>
      <w:r>
        <w:rPr>
          <w:rFonts w:ascii="Helvetica Light" w:hAnsi="Helvetica Light" w:cs="Helvetica Light"/>
          <w:sz w:val="24"/>
          <w:sz-cs w:val="24"/>
        </w:rPr>
        <w:t xml:space="preserve">happening.\par</w:t>
      </w:r>
    </w:p>
    <w:p>
      <w:pPr/>
      <w:r>
        <w:rPr>
          <w:rFonts w:ascii="Helvetica Light" w:hAnsi="Helvetica Light" w:cs="Helvetica Light"/>
          <w:sz w:val="24"/>
          <w:sz-cs w:val="24"/>
        </w:rPr>
        <w:t xml:space="preserve">}{\plain \tab JF:\tab In other words, it was known that she was not Ukrainian among the...\par</w:t>
      </w:r>
    </w:p>
    <w:p>
      <w:pPr/>
      <w:r>
        <w:rPr>
          <w:rFonts w:ascii="Helvetica Light" w:hAnsi="Helvetica Light" w:cs="Helvetica Light"/>
          <w:sz w:val="24"/>
          <w:sz-cs w:val="24"/>
        </w:rPr>
        <w:t xml:space="preserve">}{\plain \tab MT:\tab It must have been because she...\par</w:t>
      </w:r>
    </w:p>
    <w:p>
      <w:pPr/>
      <w:r>
        <w:rPr>
          <w:rFonts w:ascii="Helvetica Light" w:hAnsi="Helvetica Light" w:cs="Helvetica Light"/>
          <w:sz w:val="24"/>
          <w:sz-cs w:val="24"/>
        </w:rPr>
        <w:t xml:space="preserve">}{\plain \tab JF:\tab Um... \par</w:t>
      </w:r>
    </w:p>
    <w:p>
      <w:pPr/>
      <w:r>
        <w:rPr>
          <w:rFonts w:ascii="Helvetica Light" w:hAnsi="Helvetica Light" w:cs="Helvetica Light"/>
          <w:sz w:val="24"/>
          <w:sz-cs w:val="24"/>
        </w:rPr>
        <w:t xml:space="preserve">}{\plain \tab MT:\tab So, shortly after that, Poles had to go.\par</w:t>
      </w:r>
    </w:p>
    <w:p>
      <w:pPr/>
      <w:r>
        <w:rPr>
          <w:rFonts w:ascii="Helvetica Light" w:hAnsi="Helvetica Light" w:cs="Helvetica Light"/>
          <w:sz w:val="24"/>
          <w:sz-cs w:val="24"/>
        </w:rPr>
        <w:t xml:space="preserve">}{\plain \tab JF: \tab The death of the Goldreich women that you talk about, were the Ukrainians that lived </w:t>
      </w:r>
    </w:p>
    <w:p>
      <w:pPr/>
      <w:r>
        <w:rPr>
          <w:rFonts w:ascii="Helvetica Light" w:hAnsi="Helvetica Light" w:cs="Helvetica Light"/>
          <w:sz w:val="24"/>
          <w:sz-cs w:val="24"/>
        </w:rPr>
        <w:t xml:space="preserve">in your immediate area and worked for you and knew you, were they also involved in this? Do you </w:t>
      </w:r>
    </w:p>
    <w:p>
      <w:pPr/>
      <w:r>
        <w:rPr>
          <w:rFonts w:ascii="Helvetica Light" w:hAnsi="Helvetica Light" w:cs="Helvetica Light"/>
          <w:sz w:val="24"/>
          <w:sz-cs w:val="24"/>
        </w:rPr>
        <w:t xml:space="preserve">know?  \par</w:t>
      </w:r>
    </w:p>
    <w:p>
      <w:pPr/>
      <w:r>
        <w:rPr>
          <w:rFonts w:ascii="Helvetica Light" w:hAnsi="Helvetica Light" w:cs="Helvetica Light"/>
          <w:sz w:val="24"/>
          <w:sz-cs w:val="24"/>
        </w:rPr>
        <w:t xml:space="preserve">}{\plain \tab MT:\tab I am afraid, yes, because my father wanted to got to Bayonne, New Jersey. There is </w:t>
      </w:r>
    </w:p>
    <w:p>
      <w:pPr/>
      <w:r>
        <w:rPr>
          <w:rFonts w:ascii="Helvetica Light" w:hAnsi="Helvetica Light" w:cs="Helvetica Light"/>
          <w:sz w:val="24"/>
          <w:sz-cs w:val="24"/>
        </w:rPr>
        <w:t xml:space="preserve">quite a few that came over here.\par</w:t>
      </w:r>
    </w:p>
    <w:p>
      <w:pPr/>
      <w:r>
        <w:rPr>
          <w:rFonts w:ascii="Helvetica Light" w:hAnsi="Helvetica Light" w:cs="Helvetica Light"/>
          <w:sz w:val="24"/>
          <w:sz-cs w:val="24"/>
        </w:rPr>
        <w:t xml:space="preserve">}{\plain \tab JF:\tab Quite a few...?\par</w:t>
      </w:r>
    </w:p>
    <w:p>
      <w:pPr/>
      <w:r>
        <w:rPr>
          <w:rFonts w:ascii="Helvetica Light" w:hAnsi="Helvetica Light" w:cs="Helvetica Light"/>
          <w:sz w:val="24"/>
          <w:sz-cs w:val="24"/>
        </w:rPr>
        <w:t xml:space="preserve">}{\plain \tab MT:\tab Ukrainians. I work with some. They were in the same camp, and will describe that </w:t>
      </w:r>
    </w:p>
    <w:p>
      <w:pPr/>
      <w:r>
        <w:rPr>
          <w:rFonts w:ascii="Helvetica Light" w:hAnsi="Helvetica Light" w:cs="Helvetica Light"/>
          <w:sz w:val="24"/>
          <w:sz-cs w:val="24"/>
        </w:rPr>
        <w:t xml:space="preserve">later on. The Ukrainians that were in charge of the deals, I work with them now. Many times I want </w:t>
      </w:r>
    </w:p>
    <w:p>
      <w:pPr/>
      <w:r>
        <w:rPr>
          <w:rFonts w:ascii="Helvetica Light" w:hAnsi="Helvetica Light" w:cs="Helvetica Light"/>
          <w:sz w:val="24"/>
          <w:sz-cs w:val="24"/>
        </w:rPr>
        <w:t xml:space="preserve">to take a camera to work with me, but I am afraid that if I take a picture and show it to my parents, </w:t>
      </w:r>
    </w:p>
    <w:p>
      <w:pPr/>
      <w:r>
        <w:rPr>
          <w:rFonts w:ascii="Helvetica Light" w:hAnsi="Helvetica Light" w:cs="Helvetica Light"/>
          <w:sz w:val="24"/>
          <w:sz-cs w:val="24"/>
        </w:rPr>
        <w:t xml:space="preserve">they will die. So I still don\'92t know what I am going to do with that. Walter Turzanski--Samuel </w:t>
      </w:r>
    </w:p>
    <w:p>
      <w:pPr/>
      <w:r>
        <w:rPr>
          <w:rFonts w:ascii="Helvetica Light" w:hAnsi="Helvetica Light" w:cs="Helvetica Light"/>
          <w:sz w:val="24"/>
          <w:sz-cs w:val="24"/>
        </w:rPr>
        <w:t xml:space="preserve">Goldreich-- needed shoes. My father took his attach\'e9 case that he was traveling to Budapest back and </w:t>
      </w:r>
    </w:p>
    <w:p>
      <w:pPr/>
      <w:r>
        <w:rPr>
          <w:rFonts w:ascii="Helvetica Light" w:hAnsi="Helvetica Light" w:cs="Helvetica Light"/>
          <w:sz w:val="24"/>
          <w:sz-cs w:val="24"/>
        </w:rPr>
        <w:t xml:space="preserve">forth, to the nearest shoemaker, and I didn\'92t know that at that time, but now my parents say it was </w:t>
      </w:r>
    </w:p>
    <w:p>
      <w:pPr/>
      <w:r>
        <w:rPr>
          <w:rFonts w:ascii="Helvetica Light" w:hAnsi="Helvetica Light" w:cs="Helvetica Light"/>
          <w:sz w:val="24"/>
          <w:sz-cs w:val="24"/>
        </w:rPr>
        <w:t xml:space="preserve">illegal for a shoemaker to make shoes for somebody because everything was controlled, leather and </w:t>
      </w:r>
    </w:p>
    <w:p>
      <w:pPr/>
      <w:r>
        <w:rPr>
          <w:rFonts w:ascii="Helvetica Light" w:hAnsi="Helvetica Light" w:cs="Helvetica Light"/>
          <w:sz w:val="24"/>
          <w:sz-cs w:val="24"/>
        </w:rPr>
        <w:t xml:space="preserve">everything.  And, even, why you are making shoes for somebody. But my father paid him He was </w:t>
      </w:r>
    </w:p>
    <w:p>
      <w:pPr/>
      <w:r>
        <w:rPr>
          <w:rFonts w:ascii="Helvetica Light" w:hAnsi="Helvetica Light" w:cs="Helvetica Light"/>
          <w:sz w:val="24"/>
          <w:sz-cs w:val="24"/>
        </w:rPr>
        <w:t xml:space="preserve">quite an individual, anyway, because he knew certain men. He knew who to go to. Perhaps this was </w:t>
      </w:r>
    </w:p>
    <w:p>
      <w:pPr/>
      <w:r>
        <w:rPr>
          <w:rFonts w:ascii="Helvetica Light" w:hAnsi="Helvetica Light" w:cs="Helvetica Light"/>
          <w:sz w:val="24"/>
          <w:sz-cs w:val="24"/>
        </w:rPr>
        <w:t xml:space="preserve">a Jewish shoemaker that he went to.\par</w:t>
      </w:r>
    </w:p>
    <w:p>
      <w:pPr/>
      <w:r>
        <w:rPr>
          <w:rFonts w:ascii="Helvetica Light" w:hAnsi="Helvetica Light" w:cs="Helvetica Light"/>
          <w:sz w:val="24"/>
          <w:sz-cs w:val="24"/>
        </w:rPr>
        <w:t xml:space="preserve">}{\plain \tab JF:\tab Your father?\par</w:t>
      </w:r>
    </w:p>
    <w:p>
      <w:pPr/>
      <w:r>
        <w:rPr>
          <w:rFonts w:ascii="Helvetica Light" w:hAnsi="Helvetica Light" w:cs="Helvetica Light"/>
          <w:sz w:val="24"/>
          <w:sz-cs w:val="24"/>
        </w:rPr>
        <w:t xml:space="preserve">}{\plain \tab MT:\tab Yes, and they made them, and within three hours he had new shoes.\par</w:t>
      </w:r>
    </w:p>
    <w:p>
      <w:pPr/>
      <w:r>
        <w:rPr>
          <w:rFonts w:ascii="Helvetica Light" w:hAnsi="Helvetica Light" w:cs="Helvetica Light"/>
          <w:sz w:val="24"/>
          <w:sz-cs w:val="24"/>
        </w:rPr>
        <w:t xml:space="preserve">}{\plain \tab JF:\tab He needed new shoes?\par</w:t>
      </w:r>
    </w:p>
    <w:p>
      <w:pPr/>
      <w:r>
        <w:rPr>
          <w:rFonts w:ascii="Helvetica Light" w:hAnsi="Helvetica Light" w:cs="Helvetica Light"/>
          <w:sz w:val="24"/>
          <w:sz-cs w:val="24"/>
        </w:rPr>
        <w:t xml:space="preserve">}{\plain \tab MT:\tab He needed shoes. \par</w:t>
      </w:r>
    </w:p>
    <w:p>
      <w:pPr/>
      <w:r>
        <w:rPr>
          <w:rFonts w:ascii="Helvetica Light" w:hAnsi="Helvetica Light" w:cs="Helvetica Light"/>
          <w:sz w:val="24"/>
          <w:sz-cs w:val="24"/>
        </w:rPr>
        <w:t xml:space="preserve">}{\plain \tab JF:\tab He had no shoes. He had escaped. \par</w:t>
      </w:r>
    </w:p>
    <w:p>
      <w:pPr/>
      <w:r>
        <w:rPr>
          <w:rFonts w:ascii="Helvetica Light" w:hAnsi="Helvetica Light" w:cs="Helvetica Light"/>
          <w:sz w:val="24"/>
          <w:sz-cs w:val="24"/>
        </w:rPr>
        <w:t xml:space="preserve">}{\plain \tab MT:\tab No, he had shoes with an awful lot of holes He said that my brother doesn\'92t have any. </w:t>
      </w:r>
    </w:p>
    <w:p>
      <w:pPr/>
      <w:r>
        <w:rPr>
          <w:rFonts w:ascii="Helvetica Light" w:hAnsi="Helvetica Light" w:cs="Helvetica Light"/>
          <w:sz w:val="24"/>
          <w:sz-cs w:val="24"/>
        </w:rPr>
        <w:t xml:space="preserve">His other brother was Ossias, and they don\'92t know what name he had.\par</w:t>
      </w:r>
    </w:p>
    <w:p>
      <w:pPr/>
      <w:r>
        <w:rPr>
          <w:rFonts w:ascii="Helvetica Light" w:hAnsi="Helvetica Light" w:cs="Helvetica Light"/>
          <w:sz w:val="24"/>
          <w:sz-cs w:val="24"/>
        </w:rPr>
        <w:t xml:space="preserve">}{\plain \tab JF: \tab He escaped with his brother? \par</w:t>
      </w:r>
    </w:p>
    <w:p>
      <w:pPr/>
      <w:r>
        <w:rPr>
          <w:rFonts w:ascii="Helvetica Light" w:hAnsi="Helvetica Light" w:cs="Helvetica Light"/>
          <w:sz w:val="24"/>
          <w:sz-cs w:val="24"/>
        </w:rPr>
        <w:t xml:space="preserve">}{\plain \tab MT: \tab Yes, and a sister.\par</w:t>
      </w:r>
    </w:p>
    <w:p>
      <w:pPr/>
      <w:r>
        <w:rPr>
          <w:rFonts w:ascii="Helvetica Light" w:hAnsi="Helvetica Light" w:cs="Helvetica Light"/>
          <w:sz w:val="24"/>
          <w:sz-cs w:val="24"/>
        </w:rPr>
        <w:t xml:space="preserve">}{\plain \tab JF:\tab Uh huh.\par</w:t>
      </w:r>
    </w:p>
    <w:p>
      <w:pPr/>
      <w:r>
        <w:rPr>
          <w:rFonts w:ascii="Helvetica Light" w:hAnsi="Helvetica Light" w:cs="Helvetica Light"/>
          <w:sz w:val="24"/>
          <w:sz-cs w:val="24"/>
        </w:rPr>
        <w:t xml:space="preserve">}{\plain \tab MT:\tab And his sister took my mother\'92s birth certificate. She was slightly older than my </w:t>
      </w:r>
    </w:p>
    <w:p>
      <w:pPr/>
      <w:r>
        <w:rPr>
          <w:rFonts w:ascii="Helvetica Light" w:hAnsi="Helvetica Light" w:cs="Helvetica Light"/>
          <w:sz w:val="24"/>
          <w:sz-cs w:val="24"/>
        </w:rPr>
        <w:t xml:space="preserve">mother, ten years older, I think. But she ended up as a Ottilia Turzanski, and somebody ran into </w:t>
      </w:r>
    </w:p>
    <w:p>
      <w:pPr/>
      <w:r>
        <w:rPr>
          <w:rFonts w:ascii="Helvetica Light" w:hAnsi="Helvetica Light" w:cs="Helvetica Light"/>
          <w:sz w:val="24"/>
          <w:sz-cs w:val="24"/>
        </w:rPr>
        <w:t xml:space="preserve">Ottilia Turzanski in Mexico, in a Polish camp in Mexico, what year I don\'92t know, but my mother was </w:t>
      </w:r>
    </w:p>
    <w:p>
      <w:pPr/>
      <w:r>
        <w:rPr>
          <w:rFonts w:ascii="Helvetica Light" w:hAnsi="Helvetica Light" w:cs="Helvetica Light"/>
          <w:sz w:val="24"/>
          <w:sz-cs w:val="24"/>
        </w:rPr>
        <w:t xml:space="preserve">approached, \'93Why were you so snobby? Why didn\'92t you want to talk to me in Mexico?\'94\par</w:t>
      </w:r>
    </w:p>
    <w:p>
      <w:pPr/>
      <w:r>
        <w:rPr>
          <w:rFonts w:ascii="Helvetica Light" w:hAnsi="Helvetica Light" w:cs="Helvetica Light"/>
          <w:sz w:val="24"/>
          <w:sz-cs w:val="24"/>
        </w:rPr>
        <w:t xml:space="preserve">}{\plain \tab JF: \tab And it was this woman? The sister of...?\par</w:t>
      </w:r>
    </w:p>
    <w:p>
      <w:pPr/>
      <w:r>
        <w:rPr>
          <w:rFonts w:ascii="Helvetica Light" w:hAnsi="Helvetica Light" w:cs="Helvetica Light"/>
          <w:sz w:val="24"/>
          <w:sz-cs w:val="24"/>
        </w:rPr>
        <w:t xml:space="preserve">}{\plain \tab MT: \tab She said, \'93I was not,\'94 and she said, \'93Yes, you were.\'94 This guy must have been </w:t>
      </w:r>
    </w:p>
    <w:p>
      <w:pPr/>
      <w:r>
        <w:rPr>
          <w:rFonts w:ascii="Helvetica Light" w:hAnsi="Helvetica Light" w:cs="Helvetica Light"/>
          <w:sz w:val="24"/>
          <w:sz-cs w:val="24"/>
        </w:rPr>
        <w:t xml:space="preserve">bothering her in Mexico. \'93Come on, Ottilia, don't you remember me?\'94 and she probably said, \'93No, </w:t>
      </w:r>
    </w:p>
    <w:p>
      <w:pPr/>
      <w:r>
        <w:rPr>
          <w:rFonts w:ascii="Helvetica Light" w:hAnsi="Helvetica Light" w:cs="Helvetica Light"/>
          <w:sz w:val="24"/>
          <w:sz-cs w:val="24"/>
        </w:rPr>
        <w:t xml:space="preserve">leave me alone.\'94 My parents were a little bit hurt by that. They were going to ask Red Cross to find </w:t>
      </w:r>
    </w:p>
    <w:p>
      <w:pPr/>
      <w:r>
        <w:rPr>
          <w:rFonts w:ascii="Helvetica Light" w:hAnsi="Helvetica Light" w:cs="Helvetica Light"/>
          <w:sz w:val="24"/>
          <w:sz-cs w:val="24"/>
        </w:rPr>
        <w:t xml:space="preserve">these people, but then after they found out, I think it was in Williamsburg where we were, that Ottilia </w:t>
      </w:r>
    </w:p>
    <w:p>
      <w:pPr/>
      <w:r>
        <w:rPr>
          <w:rFonts w:ascii="Helvetica Light" w:hAnsi="Helvetica Light" w:cs="Helvetica Light"/>
          <w:sz w:val="24"/>
          <w:sz-cs w:val="24"/>
        </w:rPr>
        <w:t xml:space="preserve">Turzanski was, but maybe there was another Turzanski. Turzanski name is a small family.\par</w:t>
      </w:r>
    </w:p>
    <w:p>
      <w:pPr/>
      <w:r>
        <w:rPr>
          <w:rFonts w:ascii="Helvetica Light" w:hAnsi="Helvetica Light" w:cs="Helvetica Light"/>
          <w:sz w:val="24"/>
          <w:sz-cs w:val="24"/>
        </w:rPr>
        <w:t xml:space="preserve">}{\plain \tab JF:\tab When you say that your parents were hurt...\par</w:t>
      </w:r>
    </w:p>
    <w:p>
      <w:pPr/>
      <w:r>
        <w:rPr>
          <w:rFonts w:ascii="Helvetica Light" w:hAnsi="Helvetica Light" w:cs="Helvetica Light"/>
          <w:sz w:val="24"/>
          <w:sz-cs w:val="24"/>
        </w:rPr>
        <w:t xml:space="preserve">}{\plain \tab MT:\tab That these people did not contact us.\par</w:t>
      </w:r>
    </w:p>
    <w:p>
      <w:pPr/>
      <w:r>
        <w:rPr>
          <w:rFonts w:ascii="Helvetica Light" w:hAnsi="Helvetica Light" w:cs="Helvetica Light"/>
          <w:sz w:val="24"/>
          <w:sz-cs w:val="24"/>
        </w:rPr>
        <w:t xml:space="preserve">}{\plain \tab JF:\tab They never contacted you after the war?\par</w:t>
      </w:r>
    </w:p>
    <w:p>
      <w:pPr/>
      <w:r>
        <w:rPr>
          <w:rFonts w:ascii="Helvetica Light" w:hAnsi="Helvetica Light" w:cs="Helvetica Light"/>
          <w:sz w:val="24"/>
          <w:sz-cs w:val="24"/>
        </w:rPr>
        <w:t xml:space="preserve">}{\plain \tab MT: \tab No, that. Nobody wants anything but there is always, \'93Thank you.\'94 That helps a little </w:t>
      </w:r>
    </w:p>
    <w:p>
      <w:pPr/>
      <w:r>
        <w:rPr>
          <w:rFonts w:ascii="Helvetica Light" w:hAnsi="Helvetica Light" w:cs="Helvetica Light"/>
          <w:sz w:val="24"/>
          <w:sz-cs w:val="24"/>
        </w:rPr>
        <w:t xml:space="preserve">bit.\par</w:t>
      </w:r>
    </w:p>
    <w:p>
      <w:pPr/>
      <w:r>
        <w:rPr>
          <w:rFonts w:ascii="Helvetica Light" w:hAnsi="Helvetica Light" w:cs="Helvetica Light"/>
          <w:sz w:val="24"/>
          <w:sz-cs w:val="24"/>
        </w:rPr>
        <w:t xml:space="preserve">}{\plain \tab JF:\tab Of course.\par</w:t>
      </w:r>
    </w:p>
    <w:p>
      <w:pPr/>
      <w:r>
        <w:rPr>
          <w:rFonts w:ascii="Helvetica Light" w:hAnsi="Helvetica Light" w:cs="Helvetica Light"/>
          <w:sz w:val="24"/>
          <w:sz-cs w:val="24"/>
        </w:rPr>
        <w:t xml:space="preserve">}{\plain \tab MT: \tab But, having so many hurts, this is actually--  these people probably got hurt also </w:t>
      </w:r>
    </w:p>
    <w:p>
      <w:pPr/>
      <w:r>
        <w:rPr>
          <w:rFonts w:ascii="Helvetica Light" w:hAnsi="Helvetica Light" w:cs="Helvetica Light"/>
          <w:sz w:val="24"/>
          <w:sz-cs w:val="24"/>
        </w:rPr>
        <w:t xml:space="preserve">tremendously. They are all at an age. I was going to check in Israel. If they are alive, they would be </w:t>
      </w:r>
    </w:p>
    <w:p>
      <w:pPr/>
      <w:r>
        <w:rPr>
          <w:rFonts w:ascii="Helvetica Light" w:hAnsi="Helvetica Light" w:cs="Helvetica Light"/>
          <w:sz w:val="24"/>
          <w:sz-cs w:val="24"/>
        </w:rPr>
        <w:t xml:space="preserve">in Israel now, because where else could they go? They could not go back to Poland. They couldn\'92t </w:t>
      </w:r>
    </w:p>
    <w:p>
      <w:pPr/>
      <w:r>
        <w:rPr>
          <w:rFonts w:ascii="Helvetica Light" w:hAnsi="Helvetica Light" w:cs="Helvetica Light"/>
          <w:sz w:val="24"/>
          <w:sz-cs w:val="24"/>
        </w:rPr>
        <w:t xml:space="preserve">go any place. They would be there. Someday perhaps-- have to do it fast.  I can do that for my </w:t>
      </w:r>
    </w:p>
    <w:p>
      <w:pPr/>
      <w:r>
        <w:rPr>
          <w:rFonts w:ascii="Helvetica Light" w:hAnsi="Helvetica Light" w:cs="Helvetica Light"/>
          <w:sz w:val="24"/>
          <w:sz-cs w:val="24"/>
        </w:rPr>
        <w:t xml:space="preserve">parents. \par</w:t>
      </w:r>
    </w:p>
    <w:p>
      <w:pPr/>
      <w:r>
        <w:rPr>
          <w:rFonts w:ascii="Helvetica Light" w:hAnsi="Helvetica Light" w:cs="Helvetica Light"/>
          <w:sz w:val="24"/>
          <w:sz-cs w:val="24"/>
        </w:rPr>
        <w:t xml:space="preserve">}{\plain \tab JF: \tab Were there any children involved?  Were there any Goldreich children from that </w:t>
      </w:r>
    </w:p>
    <w:p>
      <w:pPr/>
      <w:r>
        <w:rPr>
          <w:rFonts w:ascii="Helvetica Light" w:hAnsi="Helvetica Light" w:cs="Helvetica Light"/>
          <w:sz w:val="24"/>
          <w:sz-cs w:val="24"/>
        </w:rPr>
        <w:t xml:space="preserve">marriage?\par</w:t>
      </w:r>
    </w:p>
    <w:p>
      <w:pPr/>
      <w:r>
        <w:rPr>
          <w:rFonts w:ascii="Helvetica Light" w:hAnsi="Helvetica Light" w:cs="Helvetica Light"/>
          <w:sz w:val="24"/>
          <w:sz-cs w:val="24"/>
        </w:rPr>
        <w:t xml:space="preserve">}{\plain \tab MT:\tab I haven\'92t heard of Walter saying anything, or my parents saying that there was a child </w:t>
      </w:r>
    </w:p>
    <w:p>
      <w:pPr/>
      <w:r>
        <w:rPr>
          <w:rFonts w:ascii="Helvetica Light" w:hAnsi="Helvetica Light" w:cs="Helvetica Light"/>
          <w:sz w:val="24"/>
          <w:sz-cs w:val="24"/>
        </w:rPr>
        <w:t xml:space="preserve">left behind. I think there was another family, Reinhart.\par</w:t>
      </w:r>
    </w:p>
    <w:p>
      <w:pPr/>
      <w:r>
        <w:rPr>
          <w:rFonts w:ascii="Helvetica Light" w:hAnsi="Helvetica Light" w:cs="Helvetica Light"/>
          <w:sz w:val="24"/>
          <w:sz-cs w:val="24"/>
        </w:rPr>
        <w:t xml:space="preserve">}{\plain \tab JF:\tab This was another Jewish family?\par</w:t>
      </w:r>
    </w:p>
    <w:p>
      <w:pPr/>
      <w:r>
        <w:rPr>
          <w:rFonts w:ascii="Helvetica Light" w:hAnsi="Helvetica Light" w:cs="Helvetica Light"/>
          <w:sz w:val="24"/>
          <w:sz-cs w:val="24"/>
        </w:rPr>
        <w:t xml:space="preserve">}{\plain \tab MT: \tab Yes, They left, but they left their son in Poland with some\-body, and my parents feel </w:t>
      </w:r>
    </w:p>
    <w:p>
      <w:pPr/>
      <w:r>
        <w:rPr>
          <w:rFonts w:ascii="Helvetica Light" w:hAnsi="Helvetica Light" w:cs="Helvetica Light"/>
          <w:sz w:val="24"/>
          <w:sz-cs w:val="24"/>
        </w:rPr>
        <w:t xml:space="preserve">that he is still in Poland, that he survived.\par</w:t>
      </w:r>
    </w:p>
    <w:p>
      <w:pPr/>
      <w:r>
        <w:rPr>
          <w:rFonts w:ascii="Helvetica Light" w:hAnsi="Helvetica Light" w:cs="Helvetica Light"/>
          <w:sz w:val="24"/>
          <w:sz-cs w:val="24"/>
        </w:rPr>
        <w:t xml:space="preserve">}{\plain \tab JF:\tab They left their child with a Christian family? \par</w:t>
      </w:r>
    </w:p>
    <w:p>
      <w:pPr/>
      <w:r>
        <w:rPr>
          <w:rFonts w:ascii="Helvetica Light" w:hAnsi="Helvetica Light" w:cs="Helvetica Light"/>
          <w:sz w:val="24"/>
          <w:sz-cs w:val="24"/>
        </w:rPr>
        <w:t xml:space="preserve">}{\plain \tab MT:\tab Yes. That is correct.\par</w:t>
      </w:r>
    </w:p>
    <w:p>
      <w:pPr/>
      <w:r>
        <w:rPr>
          <w:rFonts w:ascii="Helvetica Light" w:hAnsi="Helvetica Light" w:cs="Helvetica Light"/>
          <w:sz w:val="24"/>
          <w:sz-cs w:val="24"/>
        </w:rPr>
        <w:t xml:space="preserve">}{\plain \tab JF:\tab And they don\'92t know what happened to that family? They assume that they might have </w:t>
      </w:r>
    </w:p>
    <w:p>
      <w:pPr/>
      <w:r>
        <w:rPr>
          <w:rFonts w:ascii="Helvetica Light" w:hAnsi="Helvetica Light" w:cs="Helvetica Light"/>
          <w:sz w:val="24"/>
          <w:sz-cs w:val="24"/>
        </w:rPr>
        <w:t xml:space="preserve">died.\par</w:t>
      </w:r>
    </w:p>
    <w:p>
      <w:pPr/>
      <w:r>
        <w:rPr>
          <w:rFonts w:ascii="Helvetica Light" w:hAnsi="Helvetica Light" w:cs="Helvetica Light"/>
          <w:sz w:val="24"/>
          <w:sz-cs w:val="24"/>
        </w:rPr>
        <w:t xml:space="preserve">}{\plain \tab MT:\tab The Reinharts probably are not alive because whoever ran would be caught eventually. </w:t>
      </w:r>
    </w:p>
    <w:p>
      <w:pPr/>
      <w:r>
        <w:rPr>
          <w:rFonts w:ascii="Helvetica Light" w:hAnsi="Helvetica Light" w:cs="Helvetica Light"/>
          <w:sz w:val="24"/>
          <w:sz-cs w:val="24"/>
        </w:rPr>
        <w:t xml:space="preserve">Jews had one problem in Europe, that they were circumcised. Nobody else was. When my boy was </w:t>
      </w:r>
    </w:p>
    <w:p>
      <w:pPr/>
      <w:r>
        <w:rPr>
          <w:rFonts w:ascii="Helvetica Light" w:hAnsi="Helvetica Light" w:cs="Helvetica Light"/>
          <w:sz w:val="24"/>
          <w:sz-cs w:val="24"/>
        </w:rPr>
        <w:t xml:space="preserve">born, and I don\'92t know why--first thing I wanted, I insisted on, but my wife was objecting to it, that </w:t>
      </w:r>
    </w:p>
    <w:p>
      <w:pPr/>
      <w:r>
        <w:rPr>
          <w:rFonts w:ascii="Helvetica Light" w:hAnsi="Helvetica Light" w:cs="Helvetica Light"/>
          <w:sz w:val="24"/>
          <w:sz-cs w:val="24"/>
        </w:rPr>
        <w:t xml:space="preserve">he get circumcised, \'91cause I don\'92t want him to be different from the people that live here. He\'92s a </w:t>
      </w:r>
    </w:p>
    <w:p>
      <w:pPr/>
      <w:r>
        <w:rPr>
          <w:rFonts w:ascii="Helvetica Light" w:hAnsi="Helvetica Light" w:cs="Helvetica Light"/>
          <w:sz w:val="24"/>
          <w:sz-cs w:val="24"/>
        </w:rPr>
        <w:t xml:space="preserve">native.\par</w:t>
      </w:r>
    </w:p>
    <w:p>
      <w:pPr/>
      <w:r>
        <w:rPr>
          <w:rFonts w:ascii="Helvetica Light" w:hAnsi="Helvetica Light" w:cs="Helvetica Light"/>
          <w:sz w:val="24"/>
          <w:sz-cs w:val="24"/>
        </w:rPr>
        <w:t xml:space="preserve">}{\plain \tab JF: \tab Because the American males are all circumcised?\par</w:t>
      </w:r>
    </w:p>
    <w:p>
      <w:pPr/>
      <w:r>
        <w:rPr>
          <w:rFonts w:ascii="Helvetica Light" w:hAnsi="Helvetica Light" w:cs="Helvetica Light"/>
          <w:sz w:val="24"/>
          <w:sz-cs w:val="24"/>
        </w:rPr>
        <w:t xml:space="preserve">}{\plain \tab MT: \tab And I am also circumcised.\par</w:t>
      </w:r>
    </w:p>
    <w:p>
      <w:pPr/>
      <w:r>
        <w:rPr>
          <w:rFonts w:ascii="Helvetica Light" w:hAnsi="Helvetica Light" w:cs="Helvetica Light"/>
          <w:sz w:val="24"/>
          <w:sz-cs w:val="24"/>
        </w:rPr>
        <w:t xml:space="preserve">}{\plain \tab JF:\tab You were circumcised after you came to the United States?  \par</w:t>
      </w:r>
    </w:p>
    <w:p>
      <w:pPr/>
      <w:r>
        <w:rPr>
          <w:rFonts w:ascii="Helvetica Light" w:hAnsi="Helvetica Light" w:cs="Helvetica Light"/>
          <w:sz w:val="24"/>
          <w:sz-cs w:val="24"/>
        </w:rPr>
        <w:t xml:space="preserve">}{\plain \tab MT:\tab Yes, three or four years ago, I don\'92t know why. Gives me a tremendous, I don\'92t </w:t>
      </w:r>
    </w:p>
    <w:p>
      <w:pPr/>
      <w:r>
        <w:rPr>
          <w:rFonts w:ascii="Helvetica Light" w:hAnsi="Helvetica Light" w:cs="Helvetica Light"/>
          <w:sz w:val="24"/>
          <w:sz-cs w:val="24"/>
        </w:rPr>
        <w:t xml:space="preserve">know, something...\par</w:t>
      </w:r>
    </w:p>
    <w:p>
      <w:pPr/>
      <w:r>
        <w:rPr>
          <w:rFonts w:ascii="Helvetica Light" w:hAnsi="Helvetica Light" w:cs="Helvetica Light"/>
          <w:sz w:val="24"/>
          <w:sz-cs w:val="24"/>
        </w:rPr>
        <w:t xml:space="preserve">}{\plain \tab JF: \tab I think you are answering why-- the feeling of that being a differentiating factor from </w:t>
      </w:r>
    </w:p>
    <w:p>
      <w:pPr/>
      <w:r>
        <w:rPr>
          <w:rFonts w:ascii="Helvetica Light" w:hAnsi="Helvetica Light" w:cs="Helvetica Light"/>
          <w:sz w:val="24"/>
          <w:sz-cs w:val="24"/>
        </w:rPr>
        <w:t xml:space="preserve">the...\par</w:t>
      </w:r>
    </w:p>
    <w:p>
      <w:pPr/>
      <w:r>
        <w:rPr>
          <w:rFonts w:ascii="Helvetica Light" w:hAnsi="Helvetica Light" w:cs="Helvetica Light"/>
          <w:sz w:val="24"/>
          <w:sz-cs w:val="24"/>
        </w:rPr>
        <w:t xml:space="preserve">}{\plain \tab MT:\tab I think it\'92s the fear or something, but then you get so much pleasure when you become </w:t>
      </w:r>
    </w:p>
    <w:p>
      <w:pPr/>
      <w:r>
        <w:rPr>
          <w:rFonts w:ascii="Helvetica Light" w:hAnsi="Helvetica Light" w:cs="Helvetica Light"/>
          <w:sz w:val="24"/>
          <w:sz-cs w:val="24"/>
        </w:rPr>
        <w:t xml:space="preserve">wanted, just like somebody accepts you, or something. They had that problem, so I often-- nobody </w:t>
      </w:r>
    </w:p>
    <w:p>
      <w:pPr/>
      <w:r>
        <w:rPr>
          <w:rFonts w:ascii="Helvetica Light" w:hAnsi="Helvetica Light" w:cs="Helvetica Light"/>
          <w:sz w:val="24"/>
          <w:sz-cs w:val="24"/>
        </w:rPr>
        <w:t xml:space="preserve">talks to you, because in Europe you don\'92t talk to children about sex or anything. But I often </w:t>
      </w:r>
    </w:p>
    <w:p>
      <w:pPr/>
      <w:r>
        <w:rPr>
          <w:rFonts w:ascii="Helvetica Light" w:hAnsi="Helvetica Light" w:cs="Helvetica Light"/>
          <w:sz w:val="24"/>
          <w:sz-cs w:val="24"/>
        </w:rPr>
        <w:t xml:space="preserve">wondered if he was clever enough, he could have got circumcised.\par</w:t>
      </w:r>
    </w:p>
    <w:p>
      <w:pPr/>
      <w:r>
        <w:rPr>
          <w:rFonts w:ascii="Helvetica Light" w:hAnsi="Helvetica Light" w:cs="Helvetica Light"/>
          <w:sz w:val="24"/>
          <w:sz-cs w:val="24"/>
        </w:rPr>
        <w:t xml:space="preserve">}{\plain \tab JF:\tab Walter?\par</w:t>
      </w:r>
    </w:p>
    <w:p>
      <w:pPr/>
      <w:r>
        <w:rPr>
          <w:rFonts w:ascii="Helvetica Light" w:hAnsi="Helvetica Light" w:cs="Helvetica Light"/>
          <w:sz w:val="24"/>
          <w:sz-cs w:val="24"/>
        </w:rPr>
        <w:t xml:space="preserve">}{\plain \tab MT: \tab Sure. I mean, he was circumcised, the opposite. That\'92s what was bad. As a child I </w:t>
      </w:r>
    </w:p>
    <w:p>
      <w:pPr/>
      <w:r>
        <w:rPr>
          <w:rFonts w:ascii="Helvetica Light" w:hAnsi="Helvetica Light" w:cs="Helvetica Light"/>
          <w:sz w:val="24"/>
          <w:sz-cs w:val="24"/>
        </w:rPr>
        <w:t xml:space="preserve">wasn\'92t exposed to that. How easy it was to separate the Jewish male from the rest of the people in </w:t>
      </w:r>
    </w:p>
    <w:p>
      <w:pPr/>
      <w:r>
        <w:rPr>
          <w:rFonts w:ascii="Helvetica Light" w:hAnsi="Helvetica Light" w:cs="Helvetica Light"/>
          <w:sz w:val="24"/>
          <w:sz-cs w:val="24"/>
        </w:rPr>
        <w:t xml:space="preserve">the territory.\par</w:t>
      </w:r>
    </w:p>
    <w:p>
      <w:pPr/>
      <w:r>
        <w:rPr>
          <w:rFonts w:ascii="Helvetica Light" w:hAnsi="Helvetica Light" w:cs="Helvetica Light"/>
          <w:sz w:val="24"/>
          <w:sz-cs w:val="24"/>
        </w:rPr>
        <w:t xml:space="preserve">}{\plain \tab JF:\tab Your parents gave their papers, their baptismal certi\-ficates, at what point, to the </w:t>
      </w:r>
    </w:p>
    <w:p>
      <w:pPr/>
      <w:r>
        <w:rPr>
          <w:rFonts w:ascii="Helvetica Light" w:hAnsi="Helvetica Light" w:cs="Helvetica Light"/>
          <w:sz w:val="24"/>
          <w:sz-cs w:val="24"/>
        </w:rPr>
        <w:t xml:space="preserve">church?\par</w:t>
      </w:r>
    </w:p>
    <w:p>
      <w:pPr/>
      <w:r>
        <w:rPr>
          <w:rFonts w:ascii="Helvetica Light" w:hAnsi="Helvetica Light" w:cs="Helvetica Light"/>
          <w:sz w:val="24"/>
          <w:sz-cs w:val="24"/>
        </w:rPr>
        <w:t xml:space="preserve">}{\plain \tab MT:\tab When the war started, when my father was going to go to war, they both went. For </w:t>
      </w:r>
    </w:p>
    <w:p>
      <w:pPr/>
      <w:r>
        <w:rPr>
          <w:rFonts w:ascii="Helvetica Light" w:hAnsi="Helvetica Light" w:cs="Helvetica Light"/>
          <w:sz w:val="24"/>
          <w:sz-cs w:val="24"/>
        </w:rPr>
        <w:t xml:space="preserve">some reason, like I said, there was an awful lot of talking and everything was uncertain, what\'92s going </w:t>
      </w:r>
    </w:p>
    <w:p>
      <w:pPr/>
      <w:r>
        <w:rPr>
          <w:rFonts w:ascii="Helvetica Light" w:hAnsi="Helvetica Light" w:cs="Helvetica Light"/>
          <w:sz w:val="24"/>
          <w:sz-cs w:val="24"/>
        </w:rPr>
        <w:t xml:space="preserve">to happen. I don\'92t think they were planning to go to Hungary, but they were planning to run </w:t>
      </w:r>
    </w:p>
    <w:p>
      <w:pPr/>
      <w:r>
        <w:rPr>
          <w:rFonts w:ascii="Helvetica Light" w:hAnsi="Helvetica Light" w:cs="Helvetica Light"/>
          <w:sz w:val="24"/>
          <w:sz-cs w:val="24"/>
        </w:rPr>
        <w:t xml:space="preserve">someplace from where we are because the territory was not proper to survive. \par</w:t>
      </w:r>
    </w:p>
    <w:p>
      <w:pPr/>
      <w:r>
        <w:rPr>
          <w:rFonts w:ascii="Helvetica Light" w:hAnsi="Helvetica Light" w:cs="Helvetica Light"/>
          <w:sz w:val="24"/>
          <w:sz-cs w:val="24"/>
        </w:rPr>
        <w:t xml:space="preserve">}{\plain \tab JF:\tab Did this leave them without any papers of their own?\par</w:t>
      </w:r>
    </w:p>
    <w:p>
      <w:pPr/>
      <w:r>
        <w:rPr>
          <w:rFonts w:ascii="Helvetica Light" w:hAnsi="Helvetica Light" w:cs="Helvetica Light"/>
          <w:sz w:val="24"/>
          <w:sz-cs w:val="24"/>
        </w:rPr>
        <w:t xml:space="preserve">}{\plain \tab MT: \tab We didn\'92t need any. In your own country you don\'92t need yourself, but Jews would </w:t>
      </w:r>
    </w:p>
    <w:p>
      <w:pPr/>
      <w:r>
        <w:rPr>
          <w:rFonts w:ascii="Helvetica Light" w:hAnsi="Helvetica Light" w:cs="Helvetica Light"/>
          <w:sz w:val="24"/>
          <w:sz-cs w:val="24"/>
        </w:rPr>
        <w:t xml:space="preserve">need the papers.\par</w:t>
      </w:r>
    </w:p>
    <w:p>
      <w:pPr/>
      <w:r>
        <w:rPr>
          <w:rFonts w:ascii="Helvetica Light" w:hAnsi="Helvetica Light" w:cs="Helvetica Light"/>
          <w:sz w:val="24"/>
          <w:sz-cs w:val="24"/>
        </w:rPr>
        <w:t xml:space="preserve">}{\plain \tab JF:\tab So, he assumed, then, that Jews would use these papers? \par</w:t>
      </w:r>
    </w:p>
    <w:p>
      <w:pPr/>
      <w:r>
        <w:rPr>
          <w:rFonts w:ascii="Helvetica Light" w:hAnsi="Helvetica Light" w:cs="Helvetica Light"/>
          <w:sz w:val="24"/>
          <w:sz-cs w:val="24"/>
        </w:rPr>
        <w:t xml:space="preserve">}{\plain \tab MT:\tab That\'92s the only reason priest would even have the name of a priest. Otherwise he </w:t>
      </w:r>
    </w:p>
    <w:p>
      <w:pPr/>
      <w:r>
        <w:rPr>
          <w:rFonts w:ascii="Helvetica Light" w:hAnsi="Helvetica Light" w:cs="Helvetica Light"/>
          <w:sz w:val="24"/>
          <w:sz-cs w:val="24"/>
        </w:rPr>
        <w:t xml:space="preserve">would never release it to anybody. They even gave him the name of the priest, someplace...\par</w:t>
      </w:r>
    </w:p>
    <w:p>
      <w:pPr/>
      <w:r>
        <w:rPr>
          <w:rFonts w:ascii="Helvetica Light" w:hAnsi="Helvetica Light" w:cs="Helvetica Light"/>
          <w:sz w:val="24"/>
          <w:sz-cs w:val="24"/>
        </w:rPr>
        <w:t xml:space="preserve">}{\plain \tab JF:\tab And the priest was cooperative, obviously?\par</w:t>
      </w:r>
    </w:p>
    <w:p>
      <w:pPr/>
      <w:r>
        <w:rPr>
          <w:rFonts w:ascii="Helvetica Light" w:hAnsi="Helvetica Light" w:cs="Helvetica Light"/>
          <w:sz w:val="24"/>
          <w:sz-cs w:val="24"/>
        </w:rPr>
        <w:t xml:space="preserve">}{\plain \tab MT: \tab And the priest gave them-- matter of fact, Walter Turzanski started by saying, \'93I hope </w:t>
      </w:r>
    </w:p>
    <w:p>
      <w:pPr/>
      <w:r>
        <w:rPr>
          <w:rFonts w:ascii="Helvetica Light" w:hAnsi="Helvetica Light" w:cs="Helvetica Light"/>
          <w:sz w:val="24"/>
          <w:sz-cs w:val="24"/>
        </w:rPr>
        <w:t xml:space="preserve">you forgive me, but I have taken my name because my parents call him Samuel Goldreich. No, I\'92m </w:t>
      </w:r>
    </w:p>
    <w:p>
      <w:pPr/>
      <w:r>
        <w:rPr>
          <w:rFonts w:ascii="Helvetica Light" w:hAnsi="Helvetica Light" w:cs="Helvetica Light"/>
          <w:sz w:val="24"/>
          <w:sz-cs w:val="24"/>
        </w:rPr>
        <w:t xml:space="preserve">Walter Turzanski; please forgive me I took your name.\'94\par</w:t>
      </w:r>
    </w:p>
    <w:p>
      <w:pPr/>
      <w:r>
        <w:rPr>
          <w:rFonts w:ascii="Helvetica Light" w:hAnsi="Helvetica Light" w:cs="Helvetica Light"/>
          <w:sz w:val="24"/>
          <w:sz-cs w:val="24"/>
        </w:rPr>
        <w:t xml:space="preserve">}{\plain \tab JF:\tab And where was the cousin, the Walter?\par</w:t>
      </w:r>
    </w:p>
    <w:p>
      <w:pPr/>
      <w:r>
        <w:rPr>
          <w:rFonts w:ascii="Helvetica Light" w:hAnsi="Helvetica Light" w:cs="Helvetica Light"/>
          <w:sz w:val="24"/>
          <w:sz-cs w:val="24"/>
        </w:rPr>
        <w:t xml:space="preserve">}{\plain \tab MT: \tab Walter Turzanski went to war. He was in military. Just like my father was going. I </w:t>
      </w:r>
    </w:p>
    <w:p>
      <w:pPr/>
      <w:r>
        <w:rPr>
          <w:rFonts w:ascii="Helvetica Light" w:hAnsi="Helvetica Light" w:cs="Helvetica Light"/>
          <w:sz w:val="24"/>
          <w:sz-cs w:val="24"/>
        </w:rPr>
        <w:t xml:space="preserve">think that\'92s what happened, they going to jump on the tanks. The military movement, they were going </w:t>
      </w:r>
    </w:p>
    <w:p>
      <w:pPr/>
      <w:r>
        <w:rPr>
          <w:rFonts w:ascii="Helvetica Light" w:hAnsi="Helvetica Light" w:cs="Helvetica Light"/>
          <w:sz w:val="24"/>
          <w:sz-cs w:val="24"/>
        </w:rPr>
        <w:t xml:space="preserve">to join and go. I think that\'92s when they decided to get rid of their whatever.\par</w:t>
      </w:r>
    </w:p>
    <w:p>
      <w:pPr/>
      <w:r>
        <w:rPr>
          <w:rFonts w:ascii="Helvetica Light" w:hAnsi="Helvetica Light" w:cs="Helvetica Light"/>
          <w:sz w:val="24"/>
          <w:sz-cs w:val="24"/>
        </w:rPr>
        <w:t xml:space="preserve">}{\plain \tab JF: \tab So, the real Walter Turzanski went into the army?\par</w:t>
      </w:r>
    </w:p>
    <w:p>
      <w:pPr/>
      <w:r>
        <w:rPr>
          <w:rFonts w:ascii="Helvetica Light" w:hAnsi="Helvetica Light" w:cs="Helvetica Light"/>
          <w:sz w:val="24"/>
          <w:sz-cs w:val="24"/>
        </w:rPr>
        <w:t xml:space="preserve">}{\plain \tab MT:\tab  Went into the army and he is probably dead.\par</w:t>
      </w:r>
    </w:p>
    <w:p>
      <w:pPr/>
      <w:r>
        <w:rPr>
          <w:rFonts w:ascii="Helvetica Light" w:hAnsi="Helvetica Light" w:cs="Helvetica Light"/>
          <w:sz w:val="24"/>
          <w:sz-cs w:val="24"/>
        </w:rPr>
        <w:t xml:space="preserve">}{\plain \tab JF:\tab They never heard from him?\par</w:t>
      </w:r>
    </w:p>
    <w:p>
      <w:pPr/>
      <w:r>
        <w:rPr>
          <w:rFonts w:ascii="Helvetica Light" w:hAnsi="Helvetica Light" w:cs="Helvetica Light"/>
          <w:sz w:val="24"/>
          <w:sz-cs w:val="24"/>
        </w:rPr>
        <w:t xml:space="preserve">}{\plain \tab MT:\tab No, no, we never heard from him.\par</w:t>
      </w:r>
    </w:p>
    <w:p>
      <w:pPr/>
      <w:r>
        <w:rPr>
          <w:rFonts w:ascii="Helvetica Light" w:hAnsi="Helvetica Light" w:cs="Helvetica Light"/>
          <w:sz w:val="24"/>
          <w:sz-cs w:val="24"/>
        </w:rPr>
        <w:t xml:space="preserve">}{\plain \tab JF:\tab So, when you talk about Walter now you are referring to Samuel Goldreich?\par</w:t>
      </w:r>
    </w:p>
    <w:p>
      <w:pPr/>
      <w:r>
        <w:rPr>
          <w:rFonts w:ascii="Helvetica Light" w:hAnsi="Helvetica Light" w:cs="Helvetica Light"/>
          <w:sz w:val="24"/>
          <w:sz-cs w:val="24"/>
        </w:rPr>
        <w:t xml:space="preserve">}{\plain \tab MT: \tab Yes, but after the war again, but I don\'92t know why, but Hannah Goldberg, Goldreich, </w:t>
      </w:r>
    </w:p>
    <w:p>
      <w:pPr/>
      <w:r>
        <w:rPr>
          <w:rFonts w:ascii="Helvetica Light" w:hAnsi="Helvetica Light" w:cs="Helvetica Light"/>
          <w:sz w:val="24"/>
          <w:sz-cs w:val="24"/>
        </w:rPr>
        <w:t xml:space="preserve">still stayed as Ottilia Turzanski, my mother\'92s name.\par</w:t>
      </w:r>
    </w:p>
    <w:p>
      <w:pPr/>
      <w:r>
        <w:rPr>
          <w:rFonts w:ascii="Helvetica Light" w:hAnsi="Helvetica Light" w:cs="Helvetica Light"/>
          <w:sz w:val="24"/>
          <w:sz-cs w:val="24"/>
        </w:rPr>
        <w:t xml:space="preserve">}{\plain \tab JF:\tab Which is your mother\'92s name.\par</w:t>
      </w:r>
    </w:p>
    <w:p>
      <w:pPr/>
      <w:r>
        <w:rPr>
          <w:rFonts w:ascii="Helvetica Light" w:hAnsi="Helvetica Light" w:cs="Helvetica Light"/>
          <w:sz w:val="24"/>
          <w:sz-cs w:val="24"/>
        </w:rPr>
        <w:t xml:space="preserve">}{\plain \tab MT:\tab Yes, because I would first thing after the war go back, but maybe it was still so </w:t>
      </w:r>
    </w:p>
    <w:p>
      <w:pPr/>
      <w:r>
        <w:rPr>
          <w:rFonts w:ascii="Helvetica Light" w:hAnsi="Helvetica Light" w:cs="Helvetica Light"/>
          <w:sz w:val="24"/>
          <w:sz-cs w:val="24"/>
        </w:rPr>
        <w:t xml:space="preserve">uncertain, still scared, perhaps because you never know what can happen, and once you get scared </w:t>
      </w:r>
    </w:p>
    <w:p>
      <w:pPr/>
      <w:r>
        <w:rPr>
          <w:rFonts w:ascii="Helvetica Light" w:hAnsi="Helvetica Light" w:cs="Helvetica Light"/>
          <w:sz w:val="24"/>
          <w:sz-cs w:val="24"/>
        </w:rPr>
        <w:t xml:space="preserve">like that you don\'92t trust anybody. Matter of fact, I don\'92t like to open up to anybody. I am a closed </w:t>
      </w:r>
    </w:p>
    <w:p>
      <w:pPr/>
      <w:r>
        <w:rPr>
          <w:rFonts w:ascii="Helvetica Light" w:hAnsi="Helvetica Light" w:cs="Helvetica Light"/>
          <w:sz w:val="24"/>
          <w:sz-cs w:val="24"/>
        </w:rPr>
        <w:t xml:space="preserve">person. Even when I go to school, I went to Temple University to take some psychological </w:t>
      </w:r>
    </w:p>
    <w:p>
      <w:pPr/>
      <w:r>
        <w:rPr>
          <w:rFonts w:ascii="Helvetica Light" w:hAnsi="Helvetica Light" w:cs="Helvetica Light"/>
          <w:sz w:val="24"/>
          <w:sz-cs w:val="24"/>
        </w:rPr>
        <w:t xml:space="preserve">counseling courses, and they would ask each student to say something about himself, open up his </w:t>
      </w:r>
    </w:p>
    <w:p>
      <w:pPr/>
      <w:r>
        <w:rPr>
          <w:rFonts w:ascii="Helvetica Light" w:hAnsi="Helvetica Light" w:cs="Helvetica Light"/>
          <w:sz w:val="24"/>
          <w:sz-cs w:val="24"/>
        </w:rPr>
        <w:t xml:space="preserve">heart to the rest of the class so they know him, and I didn\'92t want to. I said, \'93My life is my story and, </w:t>
      </w:r>
    </w:p>
    <w:p>
      <w:pPr/>
      <w:r>
        <w:rPr>
          <w:rFonts w:ascii="Helvetica Light" w:hAnsi="Helvetica Light" w:cs="Helvetica Light"/>
          <w:sz w:val="24"/>
          <w:sz-cs w:val="24"/>
        </w:rPr>
        <w:t xml:space="preserve">if you don\'92t mind, I would just like to get education here,\'94 and they didn\'92t like that.  That was in </w:t>
      </w:r>
    </w:p>
    <w:p>
      <w:pPr/>
      <w:r>
        <w:rPr>
          <w:rFonts w:ascii="Helvetica Light" w:hAnsi="Helvetica Light" w:cs="Helvetica Light"/>
          <w:sz w:val="24"/>
          <w:sz-cs w:val="24"/>
        </w:rPr>
        <w:t xml:space="preserve">Hungary. Then shortly after that, when Walter left...\par</w:t>
      </w:r>
    </w:p>
    <w:p>
      <w:pPr/>
      <w:r>
        <w:rPr>
          <w:rFonts w:ascii="Helvetica Light" w:hAnsi="Helvetica Light" w:cs="Helvetica Light"/>
          <w:sz w:val="24"/>
          <w:sz-cs w:val="24"/>
        </w:rPr>
        <w:t xml:space="preserve">}{\plain \tab JF:\tab Walter left for where?\par</w:t>
      </w:r>
    </w:p>
    <w:p>
      <w:pPr/>
      <w:r>
        <w:rPr>
          <w:rFonts w:ascii="Helvetica Light" w:hAnsi="Helvetica Light" w:cs="Helvetica Light"/>
          <w:sz w:val="24"/>
          <w:sz-cs w:val="24"/>
        </w:rPr>
        <w:t xml:space="preserve">}{\plain \tab MT:\tab For, I\'92m not sure. He was given the shoes and he was given some money and a </w:t>
      </w:r>
    </w:p>
    <w:p>
      <w:pPr/>
      <w:r>
        <w:rPr>
          <w:rFonts w:ascii="Helvetica Light" w:hAnsi="Helvetica Light" w:cs="Helvetica Light"/>
          <w:sz w:val="24"/>
          <w:sz-cs w:val="24"/>
        </w:rPr>
        <w:t xml:space="preserve">passport. Now, I don\'92t know whether as went to Rumania, or whether he went to-- I think he went </w:t>
      </w:r>
    </w:p>
    <w:p>
      <w:pPr/>
      <w:r>
        <w:rPr>
          <w:rFonts w:ascii="Helvetica Light" w:hAnsi="Helvetica Light" w:cs="Helvetica Light"/>
          <w:sz w:val="24"/>
          <w:sz-cs w:val="24"/>
        </w:rPr>
        <w:t xml:space="preserve">back to his brother, but they were traveling, they were free. They had some plan, I think. They had </w:t>
      </w:r>
    </w:p>
    <w:p>
      <w:pPr/>
      <w:r>
        <w:rPr>
          <w:rFonts w:ascii="Helvetica Light" w:hAnsi="Helvetica Light" w:cs="Helvetica Light"/>
          <w:sz w:val="24"/>
          <w:sz-cs w:val="24"/>
        </w:rPr>
        <w:t xml:space="preserve">a name [unclear] I am not sure, actually I would have to check on that, and if I may, I mean if you </w:t>
      </w:r>
    </w:p>
    <w:p>
      <w:pPr/>
      <w:r>
        <w:rPr>
          <w:rFonts w:ascii="Helvetica Light" w:hAnsi="Helvetica Light" w:cs="Helvetica Light"/>
          <w:sz w:val="24"/>
          <w:sz-cs w:val="24"/>
        </w:rPr>
        <w:t xml:space="preserve">need it, I can follow up on that. Then we heard that shortly after, it was July 4, 1944, when they </w:t>
      </w:r>
    </w:p>
    <w:p>
      <w:pPr/>
      <w:r>
        <w:rPr>
          <w:rFonts w:ascii="Helvetica Light" w:hAnsi="Helvetica Light" w:cs="Helvetica Light"/>
          <w:sz w:val="24"/>
          <w:sz-cs w:val="24"/>
        </w:rPr>
        <w:t xml:space="preserve">finished off the territorial Jews...\par</w:t>
      </w:r>
    </w:p>
    <w:p>
      <w:pPr/>
      <w:r>
        <w:rPr>
          <w:rFonts w:ascii="Helvetica Light" w:hAnsi="Helvetica Light" w:cs="Helvetica Light"/>
          <w:sz w:val="24"/>
          <w:sz-cs w:val="24"/>
        </w:rPr>
        <w:t xml:space="preserve">}{\plain \tab JF:\tab Did you hear about that at the time?\par</w:t>
      </w:r>
    </w:p>
    <w:p>
      <w:pPr/>
      <w:r>
        <w:rPr>
          <w:rFonts w:ascii="Helvetica Light" w:hAnsi="Helvetica Light" w:cs="Helvetica Light"/>
          <w:sz w:val="24"/>
          <w:sz-cs w:val="24"/>
        </w:rPr>
        <w:t xml:space="preserve">}{\plain \tab MT:\tab No.\par</w:t>
      </w:r>
    </w:p>
    <w:p>
      <w:pPr/>
      <w:r>
        <w:rPr>
          <w:rFonts w:ascii="Helvetica Light" w:hAnsi="Helvetica Light" w:cs="Helvetica Light"/>
          <w:sz w:val="24"/>
          <w:sz-cs w:val="24"/>
        </w:rPr>
        <w:t xml:space="preserve">}{\plain \tab JF:\tab You found out about it later?\par</w:t>
      </w:r>
    </w:p>
    <w:p>
      <w:pPr/>
      <w:r>
        <w:rPr>
          <w:rFonts w:ascii="Helvetica Light" w:hAnsi="Helvetica Light" w:cs="Helvetica Light"/>
          <w:sz w:val="24"/>
          <w:sz-cs w:val="24"/>
        </w:rPr>
        <w:t xml:space="preserve">}{\plain \tab MT:\tab I heard it when Walter in Kesthely, in Hungary, when he cried when he talked about </w:t>
      </w:r>
    </w:p>
    <w:p>
      <w:pPr/>
      <w:r>
        <w:rPr>
          <w:rFonts w:ascii="Helvetica Light" w:hAnsi="Helvetica Light" w:cs="Helvetica Light"/>
          <w:sz w:val="24"/>
          <w:sz-cs w:val="24"/>
        </w:rPr>
        <w:t xml:space="preserve">his wife and his mother killed.\par</w:t>
      </w:r>
    </w:p>
    <w:p>
      <w:pPr/>
      <w:r>
        <w:rPr>
          <w:rFonts w:ascii="Helvetica Light" w:hAnsi="Helvetica Light" w:cs="Helvetica Light"/>
          <w:sz w:val="24"/>
          <w:sz-cs w:val="24"/>
        </w:rPr>
        <w:t xml:space="preserve">}{\plain \tab JF:\tab That\'92s when you heard about it?\par</w:t>
      </w:r>
    </w:p>
    <w:p>
      <w:pPr/>
      <w:r>
        <w:rPr>
          <w:rFonts w:ascii="Helvetica Light" w:hAnsi="Helvetica Light" w:cs="Helvetica Light"/>
          <w:sz w:val="24"/>
          <w:sz-cs w:val="24"/>
        </w:rPr>
        <w:t xml:space="preserve">}{\plain \tab MT: \tab By Ukrainians.\par</w:t>
      </w:r>
    </w:p>
    <w:p>
      <w:pPr/>
      <w:r>
        <w:rPr>
          <w:rFonts w:ascii="Helvetica Light" w:hAnsi="Helvetica Light" w:cs="Helvetica Light"/>
          <w:sz w:val="24"/>
          <w:sz-cs w:val="24"/>
        </w:rPr>
        <w:t xml:space="preserve">}{\plain \tab JF:\tab The date of this massacre was July 4th.\par</w:t>
      </w:r>
    </w:p>
    <w:p>
      <w:pPr/>
      <w:r>
        <w:rPr>
          <w:rFonts w:ascii="Helvetica Light" w:hAnsi="Helvetica Light" w:cs="Helvetica Light"/>
          <w:sz w:val="24"/>
          <w:sz-cs w:val="24"/>
        </w:rPr>
        <w:t xml:space="preserve">}{\plain \tab MT:\tab 1944.\par</w:t>
      </w:r>
    </w:p>
    <w:p>
      <w:pPr/>
      <w:r>
        <w:rPr>
          <w:rFonts w:ascii="Helvetica Light" w:hAnsi="Helvetica Light" w:cs="Helvetica Light"/>
          <w:sz w:val="24"/>
          <w:sz-cs w:val="24"/>
        </w:rPr>
        <w:t xml:space="preserve">}{\plain \tab JF:\tab 1944, and it was shortly after that that Walter came-- was able to escape.\par</w:t>
      </w:r>
    </w:p>
    <w:p>
      <w:pPr/>
      <w:r>
        <w:rPr>
          <w:rFonts w:ascii="Helvetica Light" w:hAnsi="Helvetica Light" w:cs="Helvetica Light"/>
          <w:sz w:val="24"/>
          <w:sz-cs w:val="24"/>
        </w:rPr>
        <w:t xml:space="preserve">}{\plain \tab MT: \tab No, it war prior to that, I believe. I think it was prior to that, but they killed his wife </w:t>
      </w:r>
    </w:p>
    <w:p>
      <w:pPr/>
      <w:r>
        <w:rPr>
          <w:rFonts w:ascii="Helvetica Light" w:hAnsi="Helvetica Light" w:cs="Helvetica Light"/>
          <w:sz w:val="24"/>
          <w:sz-cs w:val="24"/>
        </w:rPr>
        <w:t xml:space="preserve">sooner, but this was a mass movement\par</w:t>
      </w:r>
    </w:p>
    <w:p>
      <w:pPr/>
      <w:r>
        <w:rPr>
          <w:rFonts w:ascii="Helvetica Light" w:hAnsi="Helvetica Light" w:cs="Helvetica Light"/>
          <w:sz w:val="24"/>
          <w:sz-cs w:val="24"/>
        </w:rPr>
        <w:t xml:space="preserve">}{\plain \tab JF:\tab A mass movement?\par</w:t>
      </w:r>
    </w:p>
    <w:p>
      <w:pPr/>
      <w:r>
        <w:rPr>
          <w:rFonts w:ascii="Helvetica Light" w:hAnsi="Helvetica Light" w:cs="Helvetica Light"/>
          <w:sz w:val="24"/>
          <w:sz-cs w:val="24"/>
        </w:rPr>
        <w:t xml:space="preserve">}{\plain \tab MT:\tab It was like they were removing them from the territory. Not telling us, they would </w:t>
      </w:r>
    </w:p>
    <w:p>
      <w:pPr/>
      <w:r>
        <w:rPr>
          <w:rFonts w:ascii="Helvetica Light" w:hAnsi="Helvetica Light" w:cs="Helvetica Light"/>
          <w:sz w:val="24"/>
          <w:sz-cs w:val="24"/>
        </w:rPr>
        <w:t xml:space="preserve">never let you know what\'92s happening. They were walking them from one territory to another and </w:t>
      </w:r>
    </w:p>
    <w:p>
      <w:pPr/>
      <w:r>
        <w:rPr>
          <w:rFonts w:ascii="Helvetica Light" w:hAnsi="Helvetica Light" w:cs="Helvetica Light"/>
          <w:sz w:val="24"/>
          <w:sz-cs w:val="24"/>
        </w:rPr>
        <w:t xml:space="preserve">then at mid-point they would just kill them.\par</w:t>
      </w:r>
    </w:p>
    <w:p>
      <w:pPr/>
      <w:r>
        <w:rPr>
          <w:rFonts w:ascii="Helvetica Light" w:hAnsi="Helvetica Light" w:cs="Helvetica Light"/>
          <w:sz w:val="24"/>
          <w:sz-cs w:val="24"/>
        </w:rPr>
        <w:t xml:space="preserve">}{\plain \tab JF:\tab And the Ukrainians were doing this in 1944? Was it a deportation, or was it more a </w:t>
      </w:r>
    </w:p>
    <w:p>
      <w:pPr/>
      <w:r>
        <w:rPr>
          <w:rFonts w:ascii="Helvetica Light" w:hAnsi="Helvetica Light" w:cs="Helvetica Light"/>
          <w:sz w:val="24"/>
          <w:sz-cs w:val="24"/>
        </w:rPr>
        <w:t xml:space="preserve">round-up?\par</w:t>
      </w:r>
    </w:p>
    <w:p>
      <w:pPr/>
      <w:r>
        <w:rPr>
          <w:rFonts w:ascii="Helvetica Light" w:hAnsi="Helvetica Light" w:cs="Helvetica Light"/>
          <w:sz w:val="24"/>
          <w:sz-cs w:val="24"/>
        </w:rPr>
        <w:t xml:space="preserve">}{\plain \tab MT:\tab It was like deportation, to remove them from the territory. They needed that territory, </w:t>
      </w:r>
    </w:p>
    <w:p>
      <w:pPr/>
      <w:r>
        <w:rPr>
          <w:rFonts w:ascii="Helvetica Light" w:hAnsi="Helvetica Light" w:cs="Helvetica Light"/>
          <w:sz w:val="24"/>
          <w:sz-cs w:val="24"/>
        </w:rPr>
        <w:t xml:space="preserve">because otherwise the word would get out and they did not want the word to get out, that something </w:t>
      </w:r>
    </w:p>
    <w:p>
      <w:pPr/>
      <w:r>
        <w:rPr>
          <w:rFonts w:ascii="Helvetica Light" w:hAnsi="Helvetica Light" w:cs="Helvetica Light"/>
          <w:sz w:val="24"/>
          <w:sz-cs w:val="24"/>
        </w:rPr>
        <w:t xml:space="preserve">is happening to you. Jews or Poles never knew that something will happen to them. They were just </w:t>
      </w:r>
    </w:p>
    <w:p>
      <w:pPr/>
      <w:r>
        <w:rPr>
          <w:rFonts w:ascii="Helvetica Light" w:hAnsi="Helvetica Light" w:cs="Helvetica Light"/>
          <w:sz w:val="24"/>
          <w:sz-cs w:val="24"/>
        </w:rPr>
        <w:t xml:space="preserve">being moved from one place to another and then something happened, in the meantime, and they were </w:t>
      </w:r>
    </w:p>
    <w:p>
      <w:pPr/>
      <w:r>
        <w:rPr>
          <w:rFonts w:ascii="Helvetica Light" w:hAnsi="Helvetica Light" w:cs="Helvetica Light"/>
          <w:sz w:val="24"/>
          <w:sz-cs w:val="24"/>
        </w:rPr>
        <w:t xml:space="preserve">removed from this earth.\par</w:t>
      </w:r>
    </w:p>
    <w:p>
      <w:pPr/>
      <w:r>
        <w:rPr>
          <w:rFonts w:ascii="Helvetica Light" w:hAnsi="Helvetica Light" w:cs="Helvetica Light"/>
          <w:sz w:val="24"/>
          <w:sz-cs w:val="24"/>
        </w:rPr>
        <w:t xml:space="preserve">}{\plain \tab JF: \tab So, what had happened to his family then had happened on a more of an individual </w:t>
      </w:r>
    </w:p>
    <w:p>
      <w:pPr/>
      <w:r>
        <w:rPr>
          <w:rFonts w:ascii="Helvetica Light" w:hAnsi="Helvetica Light" w:cs="Helvetica Light"/>
          <w:sz w:val="24"/>
          <w:sz-cs w:val="24"/>
        </w:rPr>
        <w:t xml:space="preserve">basis before these mass... \par</w:t>
      </w:r>
    </w:p>
    <w:p>
      <w:pPr/>
      <w:r>
        <w:rPr>
          <w:rFonts w:ascii="Helvetica Light" w:hAnsi="Helvetica Light" w:cs="Helvetica Light"/>
          <w:sz w:val="24"/>
          <w:sz-cs w:val="24"/>
        </w:rPr>
        <w:t xml:space="preserve">}{\plain \tab MT: \tab Yes they either disregarded an order not to go out or something that they shot them...\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page </w:t>
      </w:r>
    </w:p>
    <w:p>
      <w:pPr/>
      <w:r>
        <w:rPr>
          <w:rFonts w:ascii="Helvetica Light" w:hAnsi="Helvetica Light" w:cs="Helvetica Light"/>
          <w:sz w:val="24"/>
          <w:sz-cs w:val="24"/>
        </w:rPr>
        <w:t xml:space="preserve">\sect \sectd \sbknone\headery288\footery1323 </w:t>
      </w:r>
    </w:p>
    <w:p>
      <w:pPr/>
      <w:r>
        <w:rPr>
          <w:rFonts w:ascii="Helvetica Light" w:hAnsi="Helvetica Light" w:cs="Helvetica Light"/>
          <w:sz w:val="24"/>
          <w:sz-cs w:val="24"/>
        </w:rPr>
        <w:t xml:space="preserve">{\header \pard \qr\sl0\tx0\tx0\tx720\tx1440\tx2160\tx2880\tx3600\tx4320\tx5040\tx5760\tx6480\tx7200\tx7920\tx8640\tx9360 </w:t>
      </w:r>
    </w:p>
    <w:p>
      <w:pPr/>
      <w:r>
        <w:rPr>
          <w:rFonts w:ascii="Helvetica Light" w:hAnsi="Helvetica Light" w:cs="Helvetica Light"/>
          <w:sz w:val="24"/>
          <w:sz-cs w:val="24"/>
        </w:rPr>
        <w:t xml:space="preserve">{\plain }{\plain \i MARIAN TURZANSKI [2-1-\chpgn ]}{\plain \i\fs20 \par }}</w:t>
      </w:r>
    </w:p>
    <w:p>
      <w:pPr/>
      <w:r>
        <w:rPr>
          <w:rFonts w:ascii="Helvetica Light" w:hAnsi="Helvetica Light" w:cs="Helvetica Light"/>
          <w:sz w:val="24"/>
          <w:sz-cs w:val="24"/>
        </w:rPr>
        <w:t xml:space="preserve">{\footer \pard \sl261\tx0\tx0\tx720\tx1440\tx2160\tx2880\tx3600\tx4320\tx5040\tx5760\tx6480\tx7200\tx7920\tx8640\tx9360 </w:t>
      </w:r>
    </w:p>
    <w:p>
      <w:pPr/>
      <w:r>
        <w:rPr>
          <w:rFonts w:ascii="Helvetica Light" w:hAnsi="Helvetica Light" w:cs="Helvetica Light"/>
          <w:sz w:val="24"/>
          <w:sz-cs w:val="24"/>
        </w:rPr>
        <w:t xml:space="preserve">{\plain \*\cs1\fs20 }{\plain \*\cs1\i\fs20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qj\sl395\tx0\tx0\tx720\tx1440\tx2160\tx2880\tx3600\tx4320\tx5040\tx5760\tx6480\tx7200\tx7920\tx8640\tx9360 </w:t>
      </w:r>
    </w:p>
    <w:p>
      <w:pPr/>
      <w:r>
        <w:rPr>
          <w:rFonts w:ascii="Helvetica Light" w:hAnsi="Helvetica Light" w:cs="Helvetica Light"/>
          <w:sz w:val="24"/>
          <w:sz-cs w:val="24"/>
        </w:rPr>
        <w:t xml:space="preserve">{\plain \tab }{\plain \i Tape two, side one:}{\plain \*\cs1\i \par</w:t>
      </w:r>
    </w:p>
    <w:p>
      <w:pPr/>
      <w:r>
        <w:rPr>
          <w:rFonts w:ascii="Helvetica Light" w:hAnsi="Helvetica Light" w:cs="Helvetica Light"/>
          <w:sz w:val="24"/>
          <w:sz-cs w:val="24"/>
        </w:rPr>
        <w:t xml:space="preserve">}{\plain \*\cs1 \tab MT:\tab Now, to give you comparison of evil forces working during the war, I talked about </w:t>
      </w:r>
    </w:p>
    <w:p>
      <w:pPr/>
      <w:r>
        <w:rPr>
          <w:rFonts w:ascii="Helvetica Light" w:hAnsi="Helvetica Light" w:cs="Helvetica Light"/>
          <w:sz w:val="24"/>
          <w:sz-cs w:val="24"/>
        </w:rPr>
        <w:t xml:space="preserve">Jewish families being round up and killed, and Jews did have a special problem because they wore </w:t>
      </w:r>
    </w:p>
    <w:p>
      <w:pPr/>
      <w:r>
        <w:rPr>
          <w:rFonts w:ascii="Helvetica Light" w:hAnsi="Helvetica Light" w:cs="Helvetica Light"/>
          <w:sz w:val="24"/>
          <w:sz-cs w:val="24"/>
        </w:rPr>
        <w:t xml:space="preserve">picked out prior to the rest of the country. They were put on a list to be eliminated yet nobody knew </w:t>
      </w:r>
    </w:p>
    <w:p>
      <w:pPr/>
      <w:r>
        <w:rPr>
          <w:rFonts w:ascii="Helvetica Light" w:hAnsi="Helvetica Light" w:cs="Helvetica Light"/>
          <w:sz w:val="24"/>
          <w:sz-cs w:val="24"/>
        </w:rPr>
        <w:t xml:space="preserve">about that, that this will happen. That was the sad part about it. The people that you trusted would </w:t>
      </w:r>
    </w:p>
    <w:p>
      <w:pPr/>
      <w:r>
        <w:rPr>
          <w:rFonts w:ascii="Helvetica Light" w:hAnsi="Helvetica Light" w:cs="Helvetica Light"/>
          <w:sz w:val="24"/>
          <w:sz-cs w:val="24"/>
        </w:rPr>
        <w:t xml:space="preserve">actually be the ones that would carry the hidden knife. My father stayed behind. My grandfather </w:t>
      </w:r>
    </w:p>
    <w:p>
      <w:pPr/>
      <w:r>
        <w:rPr>
          <w:rFonts w:ascii="Helvetica Light" w:hAnsi="Helvetica Light" w:cs="Helvetica Light"/>
          <w:sz w:val="24"/>
          <w:sz-cs w:val="24"/>
        </w:rPr>
        <w:t xml:space="preserve">stayed behind - he was like a mayor of that territory.\par</w:t>
      </w:r>
    </w:p>
    <w:p>
      <w:pPr/>
      <w:r>
        <w:rPr>
          <w:rFonts w:ascii="Helvetica Light" w:hAnsi="Helvetica Light" w:cs="Helvetica Light"/>
          <w:sz w:val="24"/>
          <w:sz-cs w:val="24"/>
        </w:rPr>
        <w:t xml:space="preserve">}{\plain \*\cs1 \tab JF: \tab You are talking now, then, about your mother\'92s father?\par</w:t>
      </w:r>
    </w:p>
    <w:p>
      <w:pPr/>
      <w:r>
        <w:rPr>
          <w:rFonts w:ascii="Helvetica Light" w:hAnsi="Helvetica Light" w:cs="Helvetica Light"/>
          <w:sz w:val="24"/>
          <w:sz-cs w:val="24"/>
        </w:rPr>
        <w:t xml:space="preserve">}{\plain \*\cs1 \tab MT: \tab My father\'92s, my father\'92s father brother...\par</w:t>
      </w:r>
    </w:p>
    <w:p>
      <w:pPr/>
      <w:r>
        <w:rPr>
          <w:rFonts w:ascii="Helvetica Light" w:hAnsi="Helvetica Light" w:cs="Helvetica Light"/>
          <w:sz w:val="24"/>
          <w:sz-cs w:val="24"/>
        </w:rPr>
        <w:t xml:space="preserve">}{\plain \*\cs1 \tab JF:\tab Had died...\par</w:t>
      </w:r>
    </w:p>
    <w:p>
      <w:pPr/>
      <w:r>
        <w:rPr>
          <w:rFonts w:ascii="Helvetica Light" w:hAnsi="Helvetica Light" w:cs="Helvetica Light"/>
          <w:sz w:val="24"/>
          <w:sz-cs w:val="24"/>
        </w:rPr>
        <w:t xml:space="preserve">}{\plain \*\cs1 \tab MT: \tab Yeh. So, my father\'92s father that died, his brother.\par</w:t>
      </w:r>
    </w:p>
    <w:p>
      <w:pPr/>
      <w:r>
        <w:rPr>
          <w:rFonts w:ascii="Helvetica Light" w:hAnsi="Helvetica Light" w:cs="Helvetica Light"/>
          <w:sz w:val="24"/>
          <w:sz-cs w:val="24"/>
        </w:rPr>
        <w:t xml:space="preserve">}{\plain \*\cs1 \tab JF: \tab So your father\'92s uncle...\par</w:t>
      </w:r>
    </w:p>
    <w:p>
      <w:pPr/>
      <w:r>
        <w:rPr>
          <w:rFonts w:ascii="Helvetica Light" w:hAnsi="Helvetica Light" w:cs="Helvetica Light"/>
          <w:sz w:val="24"/>
          <w:sz-cs w:val="24"/>
        </w:rPr>
        <w:t xml:space="preserve">}{\plain \*\cs1 \tab MT: \tab My father\'92s uncle, he stayed behind, because he did not believe when those Ukrainians </w:t>
      </w:r>
    </w:p>
    <w:p>
      <w:pPr/>
      <w:r>
        <w:rPr>
          <w:rFonts w:ascii="Helvetica Light" w:hAnsi="Helvetica Light" w:cs="Helvetica Light"/>
          <w:sz w:val="24"/>
          <w:sz-cs w:val="24"/>
        </w:rPr>
        <w:t xml:space="preserve">said that if Poles are killing, then we are going to no and investigate, so he formed a commission. He </w:t>
      </w:r>
    </w:p>
    <w:p>
      <w:pPr/>
      <w:r>
        <w:rPr>
          <w:rFonts w:ascii="Helvetica Light" w:hAnsi="Helvetica Light" w:cs="Helvetica Light"/>
          <w:sz w:val="24"/>
          <w:sz-cs w:val="24"/>
        </w:rPr>
        <w:t xml:space="preserve">formed a delegation from his village, and they all went to the next place, and they found out that it\'92s </w:t>
      </w:r>
    </w:p>
    <w:p>
      <w:pPr/>
      <w:r>
        <w:rPr>
          <w:rFonts w:ascii="Helvetica Light" w:hAnsi="Helvetica Light" w:cs="Helvetica Light"/>
          <w:sz w:val="24"/>
          <w:sz-cs w:val="24"/>
        </w:rPr>
        <w:t xml:space="preserve">not true. When than came back it was quite late, because things had started already to take place. </w:t>
      </w:r>
    </w:p>
    <w:p>
      <w:pPr/>
      <w:r>
        <w:rPr>
          <w:rFonts w:ascii="Helvetica Light" w:hAnsi="Helvetica Light" w:cs="Helvetica Light"/>
          <w:sz w:val="24"/>
          <w:sz-cs w:val="24"/>
        </w:rPr>
        <w:t xml:space="preserve">Now that\'92s after we left, and my grandfather did that, after we ran away to Hungary. At night, he was </w:t>
      </w:r>
    </w:p>
    <w:p>
      <w:pPr/>
      <w:r>
        <w:rPr>
          <w:rFonts w:ascii="Helvetica Light" w:hAnsi="Helvetica Light" w:cs="Helvetica Light"/>
          <w:sz w:val="24"/>
          <w:sz-cs w:val="24"/>
        </w:rPr>
        <w:t xml:space="preserve">it must have been in the fall or winter, because he said the stove would not-- a belly-stove, I guess </w:t>
      </w:r>
    </w:p>
    <w:p>
      <w:pPr/>
      <w:r>
        <w:rPr>
          <w:rFonts w:ascii="Helvetica Light" w:hAnsi="Helvetica Light" w:cs="Helvetica Light"/>
          <w:sz w:val="24"/>
          <w:sz-cs w:val="24"/>
        </w:rPr>
        <w:t xml:space="preserve">you call them pot-belly stove, it wouldn\'92t burn too well and he had a hard time keeping that going. </w:t>
      </w:r>
    </w:p>
    <w:p>
      <w:pPr/>
      <w:r>
        <w:rPr>
          <w:rFonts w:ascii="Helvetica Light" w:hAnsi="Helvetica Light" w:cs="Helvetica Light"/>
          <w:sz w:val="24"/>
          <w:sz-cs w:val="24"/>
        </w:rPr>
        <w:t xml:space="preserve">There was another man with him, not Ukrainian, though, because they were no lower allowed to be </w:t>
      </w:r>
    </w:p>
    <w:p>
      <w:pPr/>
      <w:r>
        <w:rPr>
          <w:rFonts w:ascii="Helvetica Light" w:hAnsi="Helvetica Light" w:cs="Helvetica Light"/>
          <w:sz w:val="24"/>
          <w:sz-cs w:val="24"/>
        </w:rPr>
        <w:t xml:space="preserve">with Poles. So he stayed out late playing around with that fire and then he heard shots. He looked out </w:t>
      </w:r>
    </w:p>
    <w:p>
      <w:pPr/>
      <w:r>
        <w:rPr>
          <w:rFonts w:ascii="Helvetica Light" w:hAnsi="Helvetica Light" w:cs="Helvetica Light"/>
          <w:sz w:val="24"/>
          <w:sz-cs w:val="24"/>
        </w:rPr>
        <w:t xml:space="preserve">the window and he saw horses driving around one of the Polish homes and shooting at the house, and </w:t>
      </w:r>
    </w:p>
    <w:p>
      <w:pPr/>
      <w:r>
        <w:rPr>
          <w:rFonts w:ascii="Helvetica Light" w:hAnsi="Helvetica Light" w:cs="Helvetica Light"/>
          <w:sz w:val="24"/>
          <w:sz-cs w:val="24"/>
        </w:rPr>
        <w:t xml:space="preserve">then they set fire to the house people tried to escape the house and they were shot right there, and </w:t>
      </w:r>
    </w:p>
    <w:p>
      <w:pPr/>
      <w:r>
        <w:rPr>
          <w:rFonts w:ascii="Helvetica Light" w:hAnsi="Helvetica Light" w:cs="Helvetica Light"/>
          <w:sz w:val="24"/>
          <w:sz-cs w:val="24"/>
        </w:rPr>
        <w:t xml:space="preserve">then they would go to the next house and again surround and start shooting anybody that tried to </w:t>
      </w:r>
    </w:p>
    <w:p>
      <w:pPr/>
      <w:r>
        <w:rPr>
          <w:rFonts w:ascii="Helvetica Light" w:hAnsi="Helvetica Light" w:cs="Helvetica Light"/>
          <w:sz w:val="24"/>
          <w:sz-cs w:val="24"/>
        </w:rPr>
        <w:t xml:space="preserve">escape, shoot them and burn the house down. One of the guys that stayed with him, I believe-- oh, </w:t>
      </w:r>
    </w:p>
    <w:p>
      <w:pPr/>
      <w:r>
        <w:rPr>
          <w:rFonts w:ascii="Helvetica Light" w:hAnsi="Helvetica Light" w:cs="Helvetica Light"/>
          <w:sz w:val="24"/>
          <w:sz-cs w:val="24"/>
        </w:rPr>
        <w:t xml:space="preserve">it\'92s coming next, so my grandfather ran out and this guy, and they hid in the cemetery behind the </w:t>
      </w:r>
    </w:p>
    <w:p>
      <w:pPr/>
      <w:r>
        <w:rPr>
          <w:rFonts w:ascii="Helvetica Light" w:hAnsi="Helvetica Light" w:cs="Helvetica Light"/>
          <w:sz w:val="24"/>
          <w:sz-cs w:val="24"/>
        </w:rPr>
        <w:t xml:space="preserve">tombstones. The cemetery was not too far from our home where I was born, and they observed all </w:t>
      </w:r>
    </w:p>
    <w:p>
      <w:pPr/>
      <w:r>
        <w:rPr>
          <w:rFonts w:ascii="Helvetica Light" w:hAnsi="Helvetica Light" w:cs="Helvetica Light"/>
          <w:sz w:val="24"/>
          <w:sz-cs w:val="24"/>
        </w:rPr>
        <w:t xml:space="preserve">this terrible thing going on. One family had 5 daughters, 5 girls, and the parents, father end mother </w:t>
      </w:r>
    </w:p>
    <w:p>
      <w:pPr/>
      <w:r>
        <w:rPr>
          <w:rFonts w:ascii="Helvetica Light" w:hAnsi="Helvetica Light" w:cs="Helvetica Light"/>
          <w:sz w:val="24"/>
          <w:sz-cs w:val="24"/>
        </w:rPr>
        <w:t xml:space="preserve">and 5 girls. They lined them up, father, mother, oldest daughter to the youngest, they took out a </w:t>
      </w:r>
    </w:p>
    <w:p>
      <w:pPr/>
      <w:r>
        <w:rPr>
          <w:rFonts w:ascii="Helvetica Light" w:hAnsi="Helvetica Light" w:cs="Helvetica Light"/>
          <w:sz w:val="24"/>
          <w:sz-cs w:val="24"/>
        </w:rPr>
        <w:t xml:space="preserve">wooden, whatever you call it that you cut wood on...\par</w:t>
      </w:r>
    </w:p>
    <w:p>
      <w:pPr/>
      <w:r>
        <w:rPr>
          <w:rFonts w:ascii="Helvetica Light" w:hAnsi="Helvetica Light" w:cs="Helvetica Light"/>
          <w:sz w:val="24"/>
          <w:sz-cs w:val="24"/>
        </w:rPr>
        <w:t xml:space="preserve">}{\plain \*\cs1 \tab JF:\tab An ax? \par</w:t>
      </w:r>
    </w:p>
    <w:p>
      <w:pPr/>
      <w:r>
        <w:rPr>
          <w:rFonts w:ascii="Helvetica Light" w:hAnsi="Helvetica Light" w:cs="Helvetica Light"/>
          <w:sz w:val="24"/>
          <w:sz-cs w:val="24"/>
        </w:rPr>
        <w:t xml:space="preserve">}{\plain \*\cs1 \tab MT:\tab Well, an ax plus the wooden block. They would lay the kids on the block and chop </w:t>
      </w:r>
    </w:p>
    <w:p>
      <w:pPr/>
      <w:r>
        <w:rPr>
          <w:rFonts w:ascii="Helvetica Light" w:hAnsi="Helvetica Light" w:cs="Helvetica Light"/>
          <w:sz w:val="24"/>
          <w:sz-cs w:val="24"/>
        </w:rPr>
        <w:t xml:space="preserve">their heads off. Everybody would scream, they faint, and they would bring them back to it, pour water </w:t>
      </w:r>
    </w:p>
    <w:p>
      <w:pPr/>
      <w:r>
        <w:rPr>
          <w:rFonts w:ascii="Helvetica Light" w:hAnsi="Helvetica Light" w:cs="Helvetica Light"/>
          <w:sz w:val="24"/>
          <w:sz-cs w:val="24"/>
        </w:rPr>
        <w:t xml:space="preserve">on them, and then next execution. And they killed them all like that, the whole family, and then they </w:t>
      </w:r>
    </w:p>
    <w:p>
      <w:pPr/>
      <w:r>
        <w:rPr>
          <w:rFonts w:ascii="Helvetica Light" w:hAnsi="Helvetica Light" w:cs="Helvetica Light"/>
          <w:sz w:val="24"/>
          <w:sz-cs w:val="24"/>
        </w:rPr>
        <w:t xml:space="preserve">burned their house.\par</w:t>
      </w:r>
    </w:p>
    <w:p>
      <w:pPr/>
      <w:r>
        <w:rPr>
          <w:rFonts w:ascii="Helvetica Light" w:hAnsi="Helvetica Light" w:cs="Helvetica Light"/>
          <w:sz w:val="24"/>
          <w:sz-cs w:val="24"/>
        </w:rPr>
        <w:t xml:space="preserve">}{\plain \*\cs1 \tab JF:\tab This was a Polish family?\par</w:t>
      </w:r>
    </w:p>
    <w:p>
      <w:pPr/>
      <w:r>
        <w:rPr>
          <w:rFonts w:ascii="Helvetica Light" w:hAnsi="Helvetica Light" w:cs="Helvetica Light"/>
          <w:sz w:val="24"/>
          <w:sz-cs w:val="24"/>
        </w:rPr>
        <w:t xml:space="preserve">}{\plain \*\cs1 \tab MT: \tab Polish family killed by Ukrainians. That\'92s right. They were not political people, but </w:t>
      </w:r>
    </w:p>
    <w:p>
      <w:pPr/>
      <w:r>
        <w:rPr>
          <w:rFonts w:ascii="Helvetica Light" w:hAnsi="Helvetica Light" w:cs="Helvetica Light"/>
          <w:sz w:val="24"/>
          <w:sz-cs w:val="24"/>
        </w:rPr>
        <w:t xml:space="preserve">they had rights to the territory.  Jews were not political people, but they had rights to the territory. </w:t>
      </w:r>
    </w:p>
    <w:p>
      <w:pPr/>
      <w:r>
        <w:rPr>
          <w:rFonts w:ascii="Helvetica Light" w:hAnsi="Helvetica Light" w:cs="Helvetica Light"/>
          <w:sz w:val="24"/>
          <w:sz-cs w:val="24"/>
        </w:rPr>
        <w:t xml:space="preserve">They were the owners.\par</w:t>
      </w:r>
    </w:p>
    <w:p>
      <w:pPr/>
      <w:r>
        <w:rPr>
          <w:rFonts w:ascii="Helvetica Light" w:hAnsi="Helvetica Light" w:cs="Helvetica Light"/>
          <w:sz w:val="24"/>
          <w:sz-cs w:val="24"/>
        </w:rPr>
        <w:t xml:space="preserve">}{\plain \*\cs1 \tab JF:\tab The family was Polish Christian or Polish Jews?\par</w:t>
      </w:r>
    </w:p>
    <w:p>
      <w:pPr/>
      <w:r>
        <w:rPr>
          <w:rFonts w:ascii="Helvetica Light" w:hAnsi="Helvetica Light" w:cs="Helvetica Light"/>
          <w:sz w:val="24"/>
          <w:sz-cs w:val="24"/>
        </w:rPr>
        <w:t xml:space="preserve">}{\plain \*\cs1 \tab MT:\tab Polish Christian.\par</w:t>
      </w:r>
    </w:p>
    <w:p>
      <w:pPr/>
      <w:r>
        <w:rPr>
          <w:rFonts w:ascii="Helvetica Light" w:hAnsi="Helvetica Light" w:cs="Helvetica Light"/>
          <w:sz w:val="24"/>
          <w:sz-cs w:val="24"/>
        </w:rPr>
        <w:t xml:space="preserve">}{\plain \*\cs1 \tab JF:\tab But the feeling of the Ukrainians against the Poles who had rights to land that they felt </w:t>
      </w:r>
    </w:p>
    <w:p>
      <w:pPr/>
      <w:r>
        <w:rPr>
          <w:rFonts w:ascii="Helvetica Light" w:hAnsi="Helvetica Light" w:cs="Helvetica Light"/>
          <w:sz w:val="24"/>
          <w:sz-cs w:val="24"/>
        </w:rPr>
        <w:t xml:space="preserve">should have been theirs...\par</w:t>
      </w:r>
    </w:p>
    <w:p>
      <w:pPr/>
      <w:r>
        <w:rPr>
          <w:rFonts w:ascii="Helvetica Light" w:hAnsi="Helvetica Light" w:cs="Helvetica Light"/>
          <w:sz w:val="24"/>
          <w:sz-cs w:val="24"/>
        </w:rPr>
        <w:t xml:space="preserve">}{\plain \tab MT:\tab I believe that they had struck a deal with Hitler. If they cleaned that territory out, it\'92s </w:t>
      </w:r>
    </w:p>
    <w:p>
      <w:pPr/>
      <w:r>
        <w:rPr>
          <w:rFonts w:ascii="Helvetica Light" w:hAnsi="Helvetica Light" w:cs="Helvetica Light"/>
          <w:sz w:val="24"/>
          <w:sz-cs w:val="24"/>
        </w:rPr>
        <w:t xml:space="preserve">theirs. Of course it was false belief on their side. Later on, Hitler got even with them in Lemberg, in </w:t>
      </w:r>
    </w:p>
    <w:p>
      <w:pPr/>
      <w:r>
        <w:rPr>
          <w:rFonts w:ascii="Helvetica Light" w:hAnsi="Helvetica Light" w:cs="Helvetica Light"/>
          <w:sz w:val="24"/>
          <w:sz-cs w:val="24"/>
        </w:rPr>
        <w:t xml:space="preserve">Lvov. They got a little too independent, and they wanted to form their own government, and Hitler </w:t>
      </w:r>
    </w:p>
    <w:p>
      <w:pPr/>
      <w:r>
        <w:rPr>
          <w:rFonts w:ascii="Helvetica Light" w:hAnsi="Helvetica Light" w:cs="Helvetica Light"/>
          <w:sz w:val="24"/>
          <w:sz-cs w:val="24"/>
        </w:rPr>
        <w:t xml:space="preserve">surrounded them with the SS troops and cut them down,. I think 2000 of them and killed them. </w:t>
      </w:r>
    </w:p>
    <w:p>
      <w:pPr/>
      <w:r>
        <w:rPr>
          <w:rFonts w:ascii="Helvetica Light" w:hAnsi="Helvetica Light" w:cs="Helvetica Light"/>
          <w:sz w:val="24"/>
          <w:sz-cs w:val="24"/>
        </w:rPr>
        <w:t xml:space="preserve">Because he also didn\'92t want organization, he wanted people to work for him, but don\'92t organize on </w:t>
      </w:r>
    </w:p>
    <w:p>
      <w:pPr/>
      <w:r>
        <w:rPr>
          <w:rFonts w:ascii="Helvetica Light" w:hAnsi="Helvetica Light" w:cs="Helvetica Light"/>
          <w:sz w:val="24"/>
          <w:sz-cs w:val="24"/>
        </w:rPr>
        <w:t xml:space="preserve">your own.  In the morning, that young man, that was Matkowsky-- he\'92s in Chicago now-- he ran over </w:t>
      </w:r>
    </w:p>
    <w:p>
      <w:pPr/>
      <w:r>
        <w:rPr>
          <w:rFonts w:ascii="Helvetica Light" w:hAnsi="Helvetica Light" w:cs="Helvetica Light"/>
          <w:sz w:val="24"/>
          <w:sz-cs w:val="24"/>
        </w:rPr>
        <w:t xml:space="preserve">to his house where his father was and knocked off ashes off his-- his chest was still there, the rest was </w:t>
      </w:r>
    </w:p>
    <w:p>
      <w:pPr/>
      <w:r>
        <w:rPr>
          <w:rFonts w:ascii="Helvetica Light" w:hAnsi="Helvetica Light" w:cs="Helvetica Light"/>
          <w:sz w:val="24"/>
          <w:sz-cs w:val="24"/>
        </w:rPr>
        <w:t xml:space="preserve">all burned. \par</w:t>
      </w:r>
    </w:p>
    <w:p>
      <w:pPr/>
      <w:r>
        <w:rPr>
          <w:rFonts w:ascii="Helvetica Light" w:hAnsi="Helvetica Light" w:cs="Helvetica Light"/>
          <w:sz w:val="24"/>
          <w:sz-cs w:val="24"/>
        </w:rPr>
        <w:t xml:space="preserve">}{\plain \*\cs1 \tab JF:\tab Matkowsky was...\par</w:t>
      </w:r>
    </w:p>
    <w:p>
      <w:pPr/>
      <w:r>
        <w:rPr>
          <w:rFonts w:ascii="Helvetica Light" w:hAnsi="Helvetica Light" w:cs="Helvetica Light"/>
          <w:sz w:val="24"/>
          <w:sz-cs w:val="24"/>
        </w:rPr>
        <w:t xml:space="preserve">}{\plain \*\cs1 \tab MT:\tab He was with my grandfather hiding in the cemetery and in the morning when the </w:t>
      </w:r>
    </w:p>
    <w:p>
      <w:pPr/>
      <w:r>
        <w:rPr>
          <w:rFonts w:ascii="Helvetica Light" w:hAnsi="Helvetica Light" w:cs="Helvetica Light"/>
          <w:sz w:val="24"/>
          <w:sz-cs w:val="24"/>
        </w:rPr>
        <w:t xml:space="preserve">smoke went down and everything, he snuck up to his house and his father\'92s body was there in ashes. </w:t>
      </w:r>
    </w:p>
    <w:p>
      <w:pPr/>
      <w:r>
        <w:rPr>
          <w:rFonts w:ascii="Helvetica Light" w:hAnsi="Helvetica Light" w:cs="Helvetica Light"/>
          <w:sz w:val="24"/>
          <w:sz-cs w:val="24"/>
        </w:rPr>
        <w:t xml:space="preserve">Only his chest was still intact.\par</w:t>
      </w:r>
    </w:p>
    <w:p>
      <w:pPr/>
      <w:r>
        <w:rPr>
          <w:rFonts w:ascii="Helvetica Light" w:hAnsi="Helvetica Light" w:cs="Helvetica Light"/>
          <w:sz w:val="24"/>
          <w:sz-cs w:val="24"/>
        </w:rPr>
        <w:t xml:space="preserve">}{\plain \*\cs1 \tab JF:\tab He had been burned? \par</w:t>
      </w:r>
    </w:p>
    <w:p>
      <w:pPr/>
      <w:r>
        <w:rPr>
          <w:rFonts w:ascii="Helvetica Light" w:hAnsi="Helvetica Light" w:cs="Helvetica Light"/>
          <w:sz w:val="24"/>
          <w:sz-cs w:val="24"/>
        </w:rPr>
        <w:t xml:space="preserve">}{\plain \*\cs1 \tab MT:\tab He was killed and burned.\par</w:t>
      </w:r>
    </w:p>
    <w:p>
      <w:pPr/>
      <w:r>
        <w:rPr>
          <w:rFonts w:ascii="Helvetica Light" w:hAnsi="Helvetica Light" w:cs="Helvetica Light"/>
          <w:sz w:val="24"/>
          <w:sz-cs w:val="24"/>
        </w:rPr>
        <w:t xml:space="preserve">}{\plain \*\cs1 \tab JF:\tab He was killed also, and burned.\par</w:t>
      </w:r>
    </w:p>
    <w:p>
      <w:pPr/>
      <w:r>
        <w:rPr>
          <w:rFonts w:ascii="Helvetica Light" w:hAnsi="Helvetica Light" w:cs="Helvetica Light"/>
          <w:sz w:val="24"/>
          <w:sz-cs w:val="24"/>
        </w:rPr>
        <w:t xml:space="preserve">}{\plain \*\cs1 \tab MT:\tab  So our house is still there; it was not burned because nobody was killed in it. Any </w:t>
      </w:r>
    </w:p>
    <w:p>
      <w:pPr/>
      <w:r>
        <w:rPr>
          <w:rFonts w:ascii="Helvetica Light" w:hAnsi="Helvetica Light" w:cs="Helvetica Light"/>
          <w:sz w:val="24"/>
          <w:sz-cs w:val="24"/>
        </w:rPr>
        <w:t xml:space="preserve">house that somebody was killed in it, they burned it to the ground.\par</w:t>
      </w:r>
    </w:p>
    <w:p>
      <w:pPr/>
      <w:r>
        <w:rPr>
          <w:rFonts w:ascii="Helvetica Light" w:hAnsi="Helvetica Light" w:cs="Helvetica Light"/>
          <w:sz w:val="24"/>
          <w:sz-cs w:val="24"/>
        </w:rPr>
        <w:t xml:space="preserve">}{\plain \*\cs1 \tab JF:\tab Matkowsky was Christian, or was he Jewish?\par</w:t>
      </w:r>
    </w:p>
    <w:p>
      <w:pPr/>
      <w:r>
        <w:rPr>
          <w:rFonts w:ascii="Helvetica Light" w:hAnsi="Helvetica Light" w:cs="Helvetica Light"/>
          <w:sz w:val="24"/>
          <w:sz-cs w:val="24"/>
        </w:rPr>
        <w:t xml:space="preserve">}{\plain \*\cs1 \tab MT.\tab Was a Christian.\par</w:t>
      </w:r>
    </w:p>
    <w:p>
      <w:pPr/>
      <w:r>
        <w:rPr>
          <w:rFonts w:ascii="Helvetica Light" w:hAnsi="Helvetica Light" w:cs="Helvetica Light"/>
          <w:sz w:val="24"/>
          <w:sz-cs w:val="24"/>
        </w:rPr>
        <w:t xml:space="preserve">}{\plain \*\cs1 \tab JF: \tab Christian also. How did you find out these stories? \par</w:t>
      </w:r>
    </w:p>
    <w:p>
      <w:pPr/>
      <w:r>
        <w:rPr>
          <w:rFonts w:ascii="Helvetica Light" w:hAnsi="Helvetica Light" w:cs="Helvetica Light"/>
          <w:sz w:val="24"/>
          <w:sz-cs w:val="24"/>
        </w:rPr>
        <w:t xml:space="preserve">}{\plain \*\cs1 \tab MT: \tab Matkowsky, we met in Germany later on, and grandfather-- we got in Germany after </w:t>
      </w:r>
    </w:p>
    <w:p>
      <w:pPr/>
      <w:r>
        <w:rPr>
          <w:rFonts w:ascii="Helvetica Light" w:hAnsi="Helvetica Light" w:cs="Helvetica Light"/>
          <w:sz w:val="24"/>
          <w:sz-cs w:val="24"/>
        </w:rPr>
        <w:t xml:space="preserve">the liberation and after \'9145, May \'9145, my grandfather was someplace not too far from Bremen. I </w:t>
      </w:r>
    </w:p>
    <w:p>
      <w:pPr/>
      <w:r>
        <w:rPr>
          <w:rFonts w:ascii="Helvetica Light" w:hAnsi="Helvetica Light" w:cs="Helvetica Light"/>
          <w:sz w:val="24"/>
          <w:sz-cs w:val="24"/>
        </w:rPr>
        <w:t xml:space="preserve">forgot the name already because I cannot think too clear now. He told us awful lot of was happening. </w:t>
      </w:r>
    </w:p>
    <w:p>
      <w:pPr/>
      <w:r>
        <w:rPr>
          <w:rFonts w:ascii="Helvetica Light" w:hAnsi="Helvetica Light" w:cs="Helvetica Light"/>
          <w:sz w:val="24"/>
          <w:sz-cs w:val="24"/>
        </w:rPr>
        <w:t xml:space="preserve">He was on the list once.\par</w:t>
      </w:r>
    </w:p>
    <w:p>
      <w:pPr/>
      <w:r>
        <w:rPr>
          <w:rFonts w:ascii="Helvetica Light" w:hAnsi="Helvetica Light" w:cs="Helvetica Light"/>
          <w:sz w:val="24"/>
          <w:sz-cs w:val="24"/>
        </w:rPr>
        <w:t xml:space="preserve">}{\plain \*\cs1 \tab JF: \tab Your grandfather?\par</w:t>
      </w:r>
    </w:p>
    <w:p>
      <w:pPr/>
      <w:r>
        <w:rPr>
          <w:rFonts w:ascii="Helvetica Light" w:hAnsi="Helvetica Light" w:cs="Helvetica Light"/>
          <w:sz w:val="24"/>
          <w:sz-cs w:val="24"/>
        </w:rPr>
        <w:t xml:space="preserve">}{\plain \*\cs1 \tab MT:\tab Yes, to be sent to the old people\'92s camp, and what they would do then, a lot of them </w:t>
      </w:r>
    </w:p>
    <w:p>
      <w:pPr/>
      <w:r>
        <w:rPr>
          <w:rFonts w:ascii="Helvetica Light" w:hAnsi="Helvetica Light" w:cs="Helvetica Light"/>
          <w:sz w:val="24"/>
          <w:sz-cs w:val="24"/>
        </w:rPr>
        <w:t xml:space="preserve">were sent to the old people\'92s camp, because they are unable to work, and it will be easier for you. </w:t>
      </w:r>
    </w:p>
    <w:p>
      <w:pPr/>
      <w:r>
        <w:rPr>
          <w:rFonts w:ascii="Helvetica Light" w:hAnsi="Helvetica Light" w:cs="Helvetica Light"/>
          <w:sz w:val="24"/>
          <w:sz-cs w:val="24"/>
        </w:rPr>
        <w:t xml:space="preserve">They were sent to a special place and they will be given bedding, or at least they were shown a room, </w:t>
      </w:r>
    </w:p>
    <w:p>
      <w:pPr/>
      <w:r>
        <w:rPr>
          <w:rFonts w:ascii="Helvetica Light" w:hAnsi="Helvetica Light" w:cs="Helvetica Light"/>
          <w:sz w:val="24"/>
          <w:sz-cs w:val="24"/>
        </w:rPr>
        <w:t xml:space="preserve">a bed and blanket, and given a piece of paper and a pencil to write to their family how wonderful they </w:t>
      </w:r>
    </w:p>
    <w:p>
      <w:pPr/>
      <w:r>
        <w:rPr>
          <w:rFonts w:ascii="Helvetica Light" w:hAnsi="Helvetica Light" w:cs="Helvetica Light"/>
          <w:sz w:val="24"/>
          <w:sz-cs w:val="24"/>
        </w:rPr>
        <w:t xml:space="preserve">are being treated. And right after that they will be poisoned.\par</w:t>
      </w:r>
    </w:p>
    <w:p>
      <w:pPr/>
      <w:r>
        <w:rPr>
          <w:rFonts w:ascii="Helvetica Light" w:hAnsi="Helvetica Light" w:cs="Helvetica Light"/>
          <w:sz w:val="24"/>
          <w:sz-cs w:val="24"/>
        </w:rPr>
        <w:t xml:space="preserve">}{\plain \*\cs1 \tab JF: \tab This is in Poland?\par</w:t>
      </w:r>
    </w:p>
    <w:p>
      <w:pPr/>
      <w:r>
        <w:rPr>
          <w:rFonts w:ascii="Helvetica Light" w:hAnsi="Helvetica Light" w:cs="Helvetica Light"/>
          <w:sz w:val="24"/>
          <w:sz-cs w:val="24"/>
        </w:rPr>
        <w:t xml:space="preserve">}{\plain \*\cs1 \tab MT: \tab In Germany.\par</w:t>
      </w:r>
    </w:p>
    <w:p>
      <w:pPr/>
      <w:r>
        <w:rPr>
          <w:rFonts w:ascii="Helvetica Light" w:hAnsi="Helvetica Light" w:cs="Helvetica Light"/>
          <w:sz w:val="24"/>
          <w:sz-cs w:val="24"/>
        </w:rPr>
        <w:t xml:space="preserve">}{\plain \*\cs1 \tab JF:\tab In Germany. He was on a list.\par</w:t>
      </w:r>
    </w:p>
    <w:p>
      <w:pPr/>
      <w:r>
        <w:rPr>
          <w:rFonts w:ascii="Helvetica Light" w:hAnsi="Helvetica Light" w:cs="Helvetica Light"/>
          <w:sz w:val="24"/>
          <w:sz-cs w:val="24"/>
        </w:rPr>
        <w:t xml:space="preserve">}{\plain \*\cs1 \tab MT: \tab And right after that they would be poisoned.\par</w:t>
      </w:r>
    </w:p>
    <w:p>
      <w:pPr/>
      <w:r>
        <w:rPr>
          <w:rFonts w:ascii="Helvetica Light" w:hAnsi="Helvetica Light" w:cs="Helvetica Light"/>
          <w:sz w:val="24"/>
          <w:sz-cs w:val="24"/>
        </w:rPr>
        <w:t xml:space="preserve">}{\plain \*\cs1 \tab JF:\tab How did he escape from that?\par</w:t>
      </w:r>
    </w:p>
    <w:p>
      <w:pPr/>
      <w:r>
        <w:rPr>
          <w:rFonts w:ascii="Helvetica Light" w:hAnsi="Helvetica Light" w:cs="Helvetica Light"/>
          <w:sz w:val="24"/>
          <w:sz-cs w:val="24"/>
        </w:rPr>
        <w:t xml:space="preserve">}{\plain \*\cs1 \tab MT:\tab He worked-- he pretended that he is younger than he is. Nobody escaped but they </w:t>
      </w:r>
    </w:p>
    <w:p>
      <w:pPr/>
      <w:r>
        <w:rPr>
          <w:rFonts w:ascii="Helvetica Light" w:hAnsi="Helvetica Light" w:cs="Helvetica Light"/>
          <w:sz w:val="24"/>
          <w:sz-cs w:val="24"/>
        </w:rPr>
        <w:t xml:space="preserve">worked. There was a plan to use us to the last minute, and then you go. The plan was not to kill </w:t>
      </w:r>
    </w:p>
    <w:p>
      <w:pPr/>
      <w:r>
        <w:rPr>
          <w:rFonts w:ascii="Helvetica Light" w:hAnsi="Helvetica Light" w:cs="Helvetica Light"/>
          <w:sz w:val="24"/>
          <w:sz-cs w:val="24"/>
        </w:rPr>
        <w:t xml:space="preserve">everybody. They could have done it, I think, but they starve you. Day to day you got weaker.\par</w:t>
      </w:r>
    </w:p>
    <w:p>
      <w:pPr/>
      <w:r>
        <w:rPr>
          <w:rFonts w:ascii="Helvetica Light" w:hAnsi="Helvetica Light" w:cs="Helvetica Light"/>
          <w:sz w:val="24"/>
          <w:sz-cs w:val="24"/>
        </w:rPr>
        <w:t xml:space="preserve">}{\plain \*\cs1 \tab JF:\tab Why was your grandfather - actually it was your father\'92s uncle - why was he taken? </w:t>
      </w:r>
    </w:p>
    <w:p>
      <w:pPr/>
      <w:r>
        <w:rPr>
          <w:rFonts w:ascii="Helvetica Light" w:hAnsi="Helvetica Light" w:cs="Helvetica Light"/>
          <w:sz w:val="24"/>
          <w:sz-cs w:val="24"/>
        </w:rPr>
        <w:t xml:space="preserve">Why did they want to kill him? \par</w:t>
      </w:r>
    </w:p>
    <w:p>
      <w:pPr/>
      <w:r>
        <w:rPr>
          <w:rFonts w:ascii="Helvetica Light" w:hAnsi="Helvetica Light" w:cs="Helvetica Light"/>
          <w:sz w:val="24"/>
          <w:sz-cs w:val="24"/>
        </w:rPr>
        <w:t xml:space="preserve">}{\plain \*\cs1 \tab MT:\tab Well, Poles, in general, were lower than the dirt. We were the enemies of the state. </w:t>
      </w:r>
    </w:p>
    <w:p>
      <w:pPr/>
      <w:r>
        <w:rPr>
          <w:rFonts w:ascii="Helvetica Light" w:hAnsi="Helvetica Light" w:cs="Helvetica Light"/>
          <w:sz w:val="24"/>
          <w:sz-cs w:val="24"/>
        </w:rPr>
        <w:t xml:space="preserve">Jews were not enemies. We were the enemies of the German nation. With Jews they started in </w:t>
      </w:r>
    </w:p>
    <w:p>
      <w:pPr/>
      <w:r>
        <w:rPr>
          <w:rFonts w:ascii="Helvetica Light" w:hAnsi="Helvetica Light" w:cs="Helvetica Light"/>
          <w:sz w:val="24"/>
          <w:sz-cs w:val="24"/>
        </w:rPr>
        <w:t xml:space="preserve">Germany. They had a special reason for it because they start with them in Germany. Most Jews in </w:t>
      </w:r>
    </w:p>
    <w:p>
      <w:pPr/>
      <w:r>
        <w:rPr>
          <w:rFonts w:ascii="Helvetica Light" w:hAnsi="Helvetica Light" w:cs="Helvetica Light"/>
          <w:sz w:val="24"/>
          <w:sz-cs w:val="24"/>
        </w:rPr>
        <w:t xml:space="preserve">Poland had German names, like the ones that I am familiar with: Goldreich, Reinhart, and so forth. </w:t>
      </w:r>
    </w:p>
    <w:p>
      <w:pPr/>
      <w:r>
        <w:rPr>
          <w:rFonts w:ascii="Helvetica Light" w:hAnsi="Helvetica Light" w:cs="Helvetica Light"/>
          <w:sz w:val="24"/>
          <w:sz-cs w:val="24"/>
        </w:rPr>
        <w:t xml:space="preserve">They had German names, but I think that they had a little more freedom in Poland than in Germany, </w:t>
      </w:r>
    </w:p>
    <w:p>
      <w:pPr/>
      <w:r>
        <w:rPr>
          <w:rFonts w:ascii="Helvetica Light" w:hAnsi="Helvetica Light" w:cs="Helvetica Light"/>
          <w:sz w:val="24"/>
          <w:sz-cs w:val="24"/>
        </w:rPr>
        <w:t xml:space="preserve">or maybe more opportunity to expand.  It\'92s a new territory. They went to Poland.\par</w:t>
      </w:r>
    </w:p>
    <w:p>
      <w:pPr/>
      <w:r>
        <w:rPr>
          <w:rFonts w:ascii="Helvetica Light" w:hAnsi="Helvetica Light" w:cs="Helvetica Light"/>
          <w:sz w:val="24"/>
          <w:sz-cs w:val="24"/>
        </w:rPr>
        <w:t xml:space="preserve">}{\plain \*\cs1 \tab JF:\tab But not all Poles were arrested in such a way.\par</w:t>
      </w:r>
    </w:p>
    <w:p>
      <w:pPr/>
      <w:r>
        <w:rPr>
          <w:rFonts w:ascii="Helvetica Light" w:hAnsi="Helvetica Light" w:cs="Helvetica Light"/>
          <w:sz w:val="24"/>
          <w:sz-cs w:val="24"/>
        </w:rPr>
        <w:t xml:space="preserve">}{\plain \*\cs1 \tab MT:\tab No.\par</w:t>
      </w:r>
    </w:p>
    <w:p>
      <w:pPr/>
      <w:r>
        <w:rPr>
          <w:rFonts w:ascii="Helvetica Light" w:hAnsi="Helvetica Light" w:cs="Helvetica Light"/>
          <w:sz w:val="24"/>
          <w:sz-cs w:val="24"/>
        </w:rPr>
        <w:t xml:space="preserve">}{\plain \*\cs1 \tab JF:\tab What was it that determined that your great-uncle was taken, or your grandfather, as </w:t>
      </w:r>
    </w:p>
    <w:p>
      <w:pPr/>
      <w:r>
        <w:rPr>
          <w:rFonts w:ascii="Helvetica Light" w:hAnsi="Helvetica Light" w:cs="Helvetica Light"/>
          <w:sz w:val="24"/>
          <w:sz-cs w:val="24"/>
        </w:rPr>
        <w:t xml:space="preserve">you call him.\par</w:t>
      </w:r>
    </w:p>
    <w:p>
      <w:pPr/>
      <w:r>
        <w:rPr>
          <w:rFonts w:ascii="Helvetica Light" w:hAnsi="Helvetica Light" w:cs="Helvetica Light"/>
          <w:sz w:val="24"/>
          <w:sz-cs w:val="24"/>
        </w:rPr>
        <w:t xml:space="preserve">}{\plain \*\cs1 \tab MT:\tab Maybe it was because of the Ukrainian deal, perhaps.\par</w:t>
      </w:r>
    </w:p>
    <w:p>
      <w:pPr/>
      <w:r>
        <w:rPr>
          <w:rFonts w:ascii="Helvetica Light" w:hAnsi="Helvetica Light" w:cs="Helvetica Light"/>
          <w:sz w:val="24"/>
          <w:sz-cs w:val="24"/>
        </w:rPr>
        <w:t xml:space="preserve">}{\plain \*\cs1 \tab JF:\tab Because of that territory.\par</w:t>
      </w:r>
    </w:p>
    <w:p>
      <w:pPr/>
      <w:r>
        <w:rPr>
          <w:rFonts w:ascii="Helvetica Light" w:hAnsi="Helvetica Light" w:cs="Helvetica Light"/>
          <w:sz w:val="24"/>
          <w:sz-cs w:val="24"/>
        </w:rPr>
        <w:t xml:space="preserve">}{\plain \*\cs1 \tab MT:\tab That territory had to be cleared, and the people had to be removed from that territory, </w:t>
      </w:r>
    </w:p>
    <w:p>
      <w:pPr/>
      <w:r>
        <w:rPr>
          <w:rFonts w:ascii="Helvetica Light" w:hAnsi="Helvetica Light" w:cs="Helvetica Light"/>
          <w:sz w:val="24"/>
          <w:sz-cs w:val="24"/>
        </w:rPr>
        <w:t xml:space="preserve">probably. The others wanted it and since he was not killed, he had to go. \par</w:t>
      </w:r>
    </w:p>
    <w:p>
      <w:pPr/>
      <w:r>
        <w:rPr>
          <w:rFonts w:ascii="Helvetica Light" w:hAnsi="Helvetica Light" w:cs="Helvetica Light"/>
          <w:sz w:val="24"/>
          <w:sz-cs w:val="24"/>
        </w:rPr>
        <w:t xml:space="preserve">}{\plain \*\cs1 \tab JF:\tab I see. So he was captured?\par</w:t>
      </w:r>
    </w:p>
    <w:p>
      <w:pPr/>
      <w:r>
        <w:rPr>
          <w:rFonts w:ascii="Helvetica Light" w:hAnsi="Helvetica Light" w:cs="Helvetica Light"/>
          <w:sz w:val="24"/>
          <w:sz-cs w:val="24"/>
        </w:rPr>
        <w:t xml:space="preserve">}{\plain \*\cs1 \tab MT: \tab He went to-- his wife was very ill. She was paralyzed. My grandfather\'92s wife was </w:t>
      </w:r>
    </w:p>
    <w:p>
      <w:pPr/>
      <w:r>
        <w:rPr>
          <w:rFonts w:ascii="Helvetica Light" w:hAnsi="Helvetica Light" w:cs="Helvetica Light"/>
          <w:sz w:val="24"/>
          <w:sz-cs w:val="24"/>
        </w:rPr>
        <w:t xml:space="preserve">paralyzed, so they had never children. It\'92s prior to that.  I am confusing. He took her to Stry [Strey: </w:t>
      </w:r>
    </w:p>
    <w:p>
      <w:pPr/>
      <w:r>
        <w:rPr>
          <w:rFonts w:ascii="Helvetica Light" w:hAnsi="Helvetica Light" w:cs="Helvetica Light"/>
          <w:sz w:val="24"/>
          <w:sz-cs w:val="24"/>
        </w:rPr>
        <w:t xml:space="preserve">phonetic] which is a big town, nearest town, a big town, to a cousin or to hospital, took his wife, </w:t>
      </w:r>
    </w:p>
    <w:p>
      <w:pPr/>
      <w:r>
        <w:rPr>
          <w:rFonts w:ascii="Helvetica Light" w:hAnsi="Helvetica Light" w:cs="Helvetica Light"/>
          <w:sz w:val="24"/>
          <w:sz-cs w:val="24"/>
        </w:rPr>
        <w:t xml:space="preserve">when the whole thing started, when we ran away. And he found out that the Poles are not killing the </w:t>
      </w:r>
    </w:p>
    <w:p>
      <w:pPr/>
      <w:r>
        <w:rPr>
          <w:rFonts w:ascii="Helvetica Light" w:hAnsi="Helvetica Light" w:cs="Helvetica Light"/>
          <w:sz w:val="24"/>
          <w:sz-cs w:val="24"/>
        </w:rPr>
        <w:t xml:space="preserve">Ukrainians. He realized he will not be able to take care of his wife himself, because we had people </w:t>
      </w:r>
    </w:p>
    <w:p>
      <w:pPr/>
      <w:r>
        <w:rPr>
          <w:rFonts w:ascii="Helvetica Light" w:hAnsi="Helvetica Light" w:cs="Helvetica Light"/>
          <w:sz w:val="24"/>
          <w:sz-cs w:val="24"/>
        </w:rPr>
        <w:t xml:space="preserve">taking care of her. He drove her to Stry. Then he came back, and then all those things started </w:t>
      </w:r>
    </w:p>
    <w:p>
      <w:pPr/>
      <w:r>
        <w:rPr>
          <w:rFonts w:ascii="Helvetica Light" w:hAnsi="Helvetica Light" w:cs="Helvetica Light"/>
          <w:sz w:val="24"/>
          <w:sz-cs w:val="24"/>
        </w:rPr>
        <w:t xml:space="preserve">happening. But Jews went first, and then the Poles, in a very brutal way. The Jews actually did not </w:t>
      </w:r>
    </w:p>
    <w:p>
      <w:pPr/>
      <w:r>
        <w:rPr>
          <w:rFonts w:ascii="Helvetica Light" w:hAnsi="Helvetica Light" w:cs="Helvetica Light"/>
          <w:sz w:val="24"/>
          <w:sz-cs w:val="24"/>
        </w:rPr>
        <w:t xml:space="preserve">have to witness, except in Goldreich\'92s case, the mother witnessed her daughter-in-law being killed </w:t>
      </w:r>
    </w:p>
    <w:p>
      <w:pPr/>
      <w:r>
        <w:rPr>
          <w:rFonts w:ascii="Helvetica Light" w:hAnsi="Helvetica Light" w:cs="Helvetica Light"/>
          <w:sz w:val="24"/>
          <w:sz-cs w:val="24"/>
        </w:rPr>
        <w:t xml:space="preserve">in the yard, shot, and then she was shot. But the tragedy of these others I never heard of before, and </w:t>
      </w:r>
    </w:p>
    <w:p>
      <w:pPr/>
      <w:r>
        <w:rPr>
          <w:rFonts w:ascii="Helvetica Light" w:hAnsi="Helvetica Light" w:cs="Helvetica Light"/>
          <w:sz w:val="24"/>
          <w:sz-cs w:val="24"/>
        </w:rPr>
        <w:t xml:space="preserve">it makes you really wonder why people would do that and how could they? How could you take a, </w:t>
      </w:r>
    </w:p>
    <w:p>
      <w:pPr/>
      <w:r>
        <w:rPr>
          <w:rFonts w:ascii="Helvetica Light" w:hAnsi="Helvetica Light" w:cs="Helvetica Light"/>
          <w:sz w:val="24"/>
          <w:sz-cs w:val="24"/>
        </w:rPr>
        <w:t xml:space="preserve">any kind of person and cut their head off and then make sure the other one is watching, and get the </w:t>
      </w:r>
    </w:p>
    <w:p>
      <w:pPr/>
      <w:r>
        <w:rPr>
          <w:rFonts w:ascii="Helvetica Light" w:hAnsi="Helvetica Light" w:cs="Helvetica Light"/>
          <w:sz w:val="24"/>
          <w:sz-cs w:val="24"/>
        </w:rPr>
        <w:t xml:space="preserve">big enjoyment out of it?\par</w:t>
      </w:r>
    </w:p>
    <w:p>
      <w:pPr/>
      <w:r>
        <w:rPr>
          <w:rFonts w:ascii="Helvetica Light" w:hAnsi="Helvetica Light" w:cs="Helvetica Light"/>
          <w:sz w:val="24"/>
          <w:sz-cs w:val="24"/>
        </w:rPr>
        <w:t xml:space="preserve">}{\plain \*\cs1 \tab JF:\tab The amount of...\par</w:t>
      </w:r>
    </w:p>
    <w:p>
      <w:pPr/>
      <w:r>
        <w:rPr>
          <w:rFonts w:ascii="Helvetica Light" w:hAnsi="Helvetica Light" w:cs="Helvetica Light"/>
          <w:sz w:val="24"/>
          <w:sz-cs w:val="24"/>
        </w:rPr>
        <w:t xml:space="preserve">}{\plain \*\cs1 \tab MT:\tab There wasn\'92t even hatred. These people hadn\'92t done any\-thing. I was always </w:t>
      </w:r>
    </w:p>
    <w:p>
      <w:pPr/>
      <w:r>
        <w:rPr>
          <w:rFonts w:ascii="Helvetica Light" w:hAnsi="Helvetica Light" w:cs="Helvetica Light"/>
          <w:sz w:val="24"/>
          <w:sz-cs w:val="24"/>
        </w:rPr>
        <w:t xml:space="preserve">questioning myself, why am I evil? Why am I hated?\par</w:t>
      </w:r>
    </w:p>
    <w:p>
      <w:pPr/>
      <w:r>
        <w:rPr>
          <w:rFonts w:ascii="Helvetica Light" w:hAnsi="Helvetica Light" w:cs="Helvetica Light"/>
          <w:sz w:val="24"/>
          <w:sz-cs w:val="24"/>
        </w:rPr>
        <w:t xml:space="preserve">}{\plain \*\cs1 \tab JF: \tab You questioned this when? When it was happening during the war, or later?\par</w:t>
      </w:r>
    </w:p>
    <w:p>
      <w:pPr/>
      <w:r>
        <w:rPr>
          <w:rFonts w:ascii="Helvetica Light" w:hAnsi="Helvetica Light" w:cs="Helvetica Light"/>
          <w:sz w:val="24"/>
          <w:sz-cs w:val="24"/>
        </w:rPr>
        <w:t xml:space="preserve">}{\plain \*\cs1 \tab MT:\tab During the war, in Hungary. Why am I foreigner. It was a very dirty word, but they </w:t>
      </w:r>
    </w:p>
    <w:p>
      <w:pPr/>
      <w:r>
        <w:rPr>
          <w:rFonts w:ascii="Helvetica Light" w:hAnsi="Helvetica Light" w:cs="Helvetica Light"/>
          <w:sz w:val="24"/>
          <w:sz-cs w:val="24"/>
        </w:rPr>
        <w:t xml:space="preserve">did not use the word foreigner it was like American work Pollack,\par</w:t>
      </w:r>
    </w:p>
    <w:p>
      <w:pPr/>
      <w:r>
        <w:rPr>
          <w:rFonts w:ascii="Helvetica Light" w:hAnsi="Helvetica Light" w:cs="Helvetica Light"/>
          <w:sz w:val="24"/>
          <w:sz-cs w:val="24"/>
        </w:rPr>
        <w:t xml:space="preserve">}{\plain \*\cs1 \tab JF: \tab Derogatory?\par</w:t>
      </w:r>
    </w:p>
    <w:p>
      <w:pPr/>
      <w:r>
        <w:rPr>
          <w:rFonts w:ascii="Helvetica Light" w:hAnsi="Helvetica Light" w:cs="Helvetica Light"/>
          <w:sz w:val="24"/>
          <w:sz-cs w:val="24"/>
        </w:rPr>
        <w:t xml:space="preserve">}{\plain \*\cs1 \tab MT: \tab Derogatory. But also with a meaning that we will get you.\par</w:t>
      </w:r>
    </w:p>
    <w:p>
      <w:pPr/>
      <w:r>
        <w:rPr>
          <w:rFonts w:ascii="Helvetica Light" w:hAnsi="Helvetica Light" w:cs="Helvetica Light"/>
          <w:sz w:val="24"/>
          <w:sz-cs w:val="24"/>
        </w:rPr>
        <w:t xml:space="preserve">}{\plain \*\cs1 \tab JF:\tab The Hungarians talked this way?\par</w:t>
      </w:r>
    </w:p>
    <w:p>
      <w:pPr/>
      <w:r>
        <w:rPr>
          <w:rFonts w:ascii="Helvetica Light" w:hAnsi="Helvetica Light" w:cs="Helvetica Light"/>
          <w:sz w:val="24"/>
          <w:sz-cs w:val="24"/>
        </w:rPr>
        <w:t xml:space="preserve">}{\plain \*\cs1 \tab MT:\tab Yes, and when Hitler went through Hungary to go to Russia to fight in Stalingrad, he </w:t>
      </w:r>
    </w:p>
    <w:p>
      <w:pPr/>
      <w:r>
        <w:rPr>
          <w:rFonts w:ascii="Helvetica Light" w:hAnsi="Helvetica Light" w:cs="Helvetica Light"/>
          <w:sz w:val="24"/>
          <w:sz-cs w:val="24"/>
        </w:rPr>
        <w:t xml:space="preserve">formed, like }{\plain \*\cs1\i Hitlerjugend}{\plain \*\cs1  in Germany, people for Hitler, national guard, young people. Not too </w:t>
      </w:r>
    </w:p>
    <w:p>
      <w:pPr/>
      <w:r>
        <w:rPr>
          <w:rFonts w:ascii="Helvetica Light" w:hAnsi="Helvetica Light" w:cs="Helvetica Light"/>
          <w:sz w:val="24"/>
          <w:sz-cs w:val="24"/>
        </w:rPr>
        <w:t xml:space="preserve">young, not like children, but in their teens and higher. They would have a special sign on their arms. </w:t>
      </w:r>
    </w:p>
    <w:p>
      <w:pPr/>
      <w:r>
        <w:rPr>
          <w:rFonts w:ascii="Helvetica Light" w:hAnsi="Helvetica Light" w:cs="Helvetica Light"/>
          <w:sz w:val="24"/>
          <w:sz-cs w:val="24"/>
        </w:rPr>
        <w:t xml:space="preserve">It was not like swastika, it was like arrows, on each end of the cross, arrow heads. They called </w:t>
      </w:r>
    </w:p>
    <w:p>
      <w:pPr/>
      <w:r>
        <w:rPr>
          <w:rFonts w:ascii="Helvetica Light" w:hAnsi="Helvetica Light" w:cs="Helvetica Light"/>
          <w:sz w:val="24"/>
          <w:sz-cs w:val="24"/>
        </w:rPr>
        <w:t xml:space="preserve">themselves (Hungarian word) - that means Arrowhead [actually Arrow Cross].  Ever since Hitler </w:t>
      </w:r>
    </w:p>
    <w:p>
      <w:pPr/>
      <w:r>
        <w:rPr>
          <w:rFonts w:ascii="Helvetica Light" w:hAnsi="Helvetica Light" w:cs="Helvetica Light"/>
          <w:sz w:val="24"/>
          <w:sz-cs w:val="24"/>
        </w:rPr>
        <w:t xml:space="preserve">went through Hungary, we experienced nothing but fear.\par</w:t>
      </w:r>
    </w:p>
    <w:p>
      <w:pPr/>
      <w:r>
        <w:rPr>
          <w:rFonts w:ascii="Helvetica Light" w:hAnsi="Helvetica Light" w:cs="Helvetica Light"/>
          <w:sz w:val="24"/>
          <w:sz-cs w:val="24"/>
        </w:rPr>
        <w:t xml:space="preserve">}{\plain \*\cs1 \tab JF: \tab On the part of the Hungarians?\par</w:t>
      </w:r>
    </w:p>
    <w:p>
      <w:pPr/>
      <w:r>
        <w:rPr>
          <w:rFonts w:ascii="Helvetica Light" w:hAnsi="Helvetica Light" w:cs="Helvetica Light"/>
          <w:sz w:val="24"/>
          <w:sz-cs w:val="24"/>
        </w:rPr>
        <w:t xml:space="preserve">}{\plain \*\cs1 \tab MT: \tab Fear}{\plain \*\cs1\sub  }{\plain \*\cs1 , it was in the air; you could feel it. We went to school early in the morning and </w:t>
      </w:r>
    </w:p>
    <w:p>
      <w:pPr/>
      <w:r>
        <w:rPr>
          <w:rFonts w:ascii="Helvetica Light" w:hAnsi="Helvetica Light" w:cs="Helvetica Light"/>
          <w:sz w:val="24"/>
          <w:sz-cs w:val="24"/>
        </w:rPr>
        <w:t xml:space="preserve">we found out that the German soldiers had invaded the town of Keszthely, maybe two o\'92clock maybe </w:t>
      </w:r>
    </w:p>
    <w:p>
      <w:pPr/>
      <w:r>
        <w:rPr>
          <w:rFonts w:ascii="Helvetica Light" w:hAnsi="Helvetica Light" w:cs="Helvetica Light"/>
          <w:sz w:val="24"/>
          <w:sz-cs w:val="24"/>
        </w:rPr>
        <w:t xml:space="preserve">three in the morning. Nobody knew. We went in there and the Germans yelled at us and grabbed. My </w:t>
      </w:r>
    </w:p>
    <w:p>
      <w:pPr/>
      <w:r>
        <w:rPr>
          <w:rFonts w:ascii="Helvetica Light" w:hAnsi="Helvetica Light" w:cs="Helvetica Light"/>
          <w:sz w:val="24"/>
          <w:sz-cs w:val="24"/>
        </w:rPr>
        <w:t xml:space="preserve">older brother has blue eyes, so they looked at him and said, \'93You must be German,\'94 or something </w:t>
      </w:r>
    </w:p>
    <w:p>
      <w:pPr/>
      <w:r>
        <w:rPr>
          <w:rFonts w:ascii="Helvetica Light" w:hAnsi="Helvetica Light" w:cs="Helvetica Light"/>
          <w:sz w:val="24"/>
          <w:sz-cs w:val="24"/>
        </w:rPr>
        <w:t xml:space="preserve">and they sent him for wine. He went to get them a bottle of wine, for the soldiers, and then they let </w:t>
      </w:r>
    </w:p>
    <w:p>
      <w:pPr/>
      <w:r>
        <w:rPr>
          <w:rFonts w:ascii="Helvetica Light" w:hAnsi="Helvetica Light" w:cs="Helvetica Light"/>
          <w:sz w:val="24"/>
          <w:sz-cs w:val="24"/>
        </w:rPr>
        <w:t xml:space="preserve">us go.\par</w:t>
      </w:r>
    </w:p>
    <w:p>
      <w:pPr/>
      <w:r>
        <w:rPr>
          <w:rFonts w:ascii="Helvetica Light" w:hAnsi="Helvetica Light" w:cs="Helvetica Light"/>
          <w:sz w:val="24"/>
          <w:sz-cs w:val="24"/>
        </w:rPr>
        <w:t xml:space="preserve">}{\plain \*\cs1 \tab JF:}{\plain \*\cs1\super  \tab }{\plain \*\cs1 This was in the school?\par</w:t>
      </w:r>
    </w:p>
    <w:p>
      <w:pPr/>
      <w:r>
        <w:rPr>
          <w:rFonts w:ascii="Helvetica Light" w:hAnsi="Helvetica Light" w:cs="Helvetica Light"/>
          <w:sz w:val="24"/>
          <w:sz-cs w:val="24"/>
        </w:rPr>
        <w:t xml:space="preserve">}{\plain \*\cs1 \tab MT:\tab Yes, from school. We were in school uniforms, you wore a uniform, and we had </w:t>
      </w:r>
    </w:p>
    <w:p>
      <w:pPr/>
      <w:r>
        <w:rPr>
          <w:rFonts w:ascii="Helvetica Light" w:hAnsi="Helvetica Light" w:cs="Helvetica Light"/>
          <w:sz w:val="24"/>
          <w:sz-cs w:val="24"/>
        </w:rPr>
        <w:t xml:space="preserve">special bags, duffel bags.\par</w:t>
      </w:r>
    </w:p>
    <w:p>
      <w:pPr/>
      <w:r>
        <w:rPr>
          <w:rFonts w:ascii="Helvetica Light" w:hAnsi="Helvetica Light" w:cs="Helvetica Light"/>
          <w:sz w:val="24"/>
          <w:sz-cs w:val="24"/>
        </w:rPr>
        <w:t xml:space="preserve">}{\plain \*\cs1 \tab JF:\tab A knapsack.\par</w:t>
      </w:r>
    </w:p>
    <w:p>
      <w:pPr/>
      <w:r>
        <w:rPr>
          <w:rFonts w:ascii="Helvetica Light" w:hAnsi="Helvetica Light" w:cs="Helvetica Light"/>
          <w:sz w:val="24"/>
          <w:sz-cs w:val="24"/>
        </w:rPr>
        <w:t xml:space="preserve">}{\plain \*\cs1 \tab MT: \tab Yes, to carry yo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ur books\par</w:t>
      </w:r>
    </w:p>
    <w:p>
      <w:pPr/>
      <w:r>
        <w:rPr>
          <w:rFonts w:ascii="Helvetica Light" w:hAnsi="Helvetica Light" w:cs="Helvetica Light"/>
          <w:sz w:val="24"/>
          <w:sz-cs w:val="24"/>
        </w:rPr>
        <w:t xml:space="preserve">}{\plain \tab JF:\tab Were you in school with Hungarian children? Or was this a special school for the </w:t>
      </w:r>
    </w:p>
    <w:p>
      <w:pPr/>
      <w:r>
        <w:rPr>
          <w:rFonts w:ascii="Helvetica Light" w:hAnsi="Helvetica Light" w:cs="Helvetica Light"/>
          <w:sz w:val="24"/>
          <w:sz-cs w:val="24"/>
        </w:rPr>
        <w:t xml:space="preserve">Polish community.\par</w:t>
      </w:r>
    </w:p>
    <w:p>
      <w:pPr/>
      <w:r>
        <w:rPr>
          <w:rFonts w:ascii="Helvetica Light" w:hAnsi="Helvetica Light" w:cs="Helvetica Light"/>
          <w:sz w:val="24"/>
          <w:sz-cs w:val="24"/>
        </w:rPr>
        <w:t xml:space="preserve">}{\plain \tab MT:\tab Yes, yes, it was all Polish. We even had a Polish high school. \par</w:t>
      </w:r>
    </w:p>
    <w:p>
      <w:pPr/>
      <w:r>
        <w:rPr>
          <w:rFonts w:ascii="Helvetica Light" w:hAnsi="Helvetica Light" w:cs="Helvetica Light"/>
          <w:sz w:val="24"/>
          <w:sz-cs w:val="24"/>
        </w:rPr>
        <w:t xml:space="preserve">}{\plain \*\cs1 \tab JF:\tab This was the school that you attended, then. It was not until 1942.\par</w:t>
      </w:r>
    </w:p>
    <w:p>
      <w:pPr/>
      <w:r>
        <w:rPr>
          <w:rFonts w:ascii="Helvetica Light" w:hAnsi="Helvetica Light" w:cs="Helvetica Light"/>
          <w:sz w:val="24"/>
          <w:sz-cs w:val="24"/>
        </w:rPr>
        <w:t xml:space="preserve">}{\plain \*\cs1 \tab MT:\tab Something like that, that\'92s correct.\par</w:t>
      </w:r>
    </w:p>
    <w:p>
      <w:pPr/>
      <w:r>
        <w:rPr>
          <w:rFonts w:ascii="Helvetica Light" w:hAnsi="Helvetica Light" w:cs="Helvetica Light"/>
          <w:sz w:val="24"/>
          <w:sz-cs w:val="24"/>
        </w:rPr>
        <w:t xml:space="preserve">}{\plain \*\cs1 \tab JF:\tab And, you were about eight?\par</w:t>
      </w:r>
    </w:p>
    <w:p>
      <w:pPr/>
      <w:r>
        <w:rPr>
          <w:rFonts w:ascii="Helvetica Light" w:hAnsi="Helvetica Light" w:cs="Helvetica Light"/>
          <w:sz w:val="24"/>
          <w:sz-cs w:val="24"/>
        </w:rPr>
        <w:t xml:space="preserve">}{\plain \*\cs1 \tab MT:\tab I was around eight.\par</w:t>
      </w:r>
    </w:p>
    <w:p>
      <w:pPr/>
      <w:r>
        <w:rPr>
          <w:rFonts w:ascii="Helvetica Light" w:hAnsi="Helvetica Light" w:cs="Helvetica Light"/>
          <w:sz w:val="24"/>
          <w:sz-cs w:val="24"/>
        </w:rPr>
        <w:t xml:space="preserve">}{\plain \*\cs1 \tab JF:\tab When you started?\par</w:t>
      </w:r>
    </w:p>
    <w:p>
      <w:pPr/>
      <w:r>
        <w:rPr>
          <w:rFonts w:ascii="Helvetica Light" w:hAnsi="Helvetica Light" w:cs="Helvetica Light"/>
          <w:sz w:val="24"/>
          <w:sz-cs w:val="24"/>
        </w:rPr>
        <w:t xml:space="preserve">}{\plain \*\cs1 \tab MT:\tab I started I think second grade. First I had to skip. It was naturally known that I know </w:t>
      </w:r>
    </w:p>
    <w:p>
      <w:pPr/>
      <w:r>
        <w:rPr>
          <w:rFonts w:ascii="Helvetica Light" w:hAnsi="Helvetica Light" w:cs="Helvetica Light"/>
          <w:sz w:val="24"/>
          <w:sz-cs w:val="24"/>
        </w:rPr>
        <w:t xml:space="preserve">something, the alphabet, or something like this. I went to second, third, and started my fourth grade. </w:t>
      </w:r>
    </w:p>
    <w:p>
      <w:pPr/>
      <w:r>
        <w:rPr>
          <w:rFonts w:ascii="Helvetica Light" w:hAnsi="Helvetica Light" w:cs="Helvetica Light"/>
          <w:sz w:val="24"/>
          <w:sz-cs w:val="24"/>
        </w:rPr>
        <w:t xml:space="preserve">I didn\'92t finish my fourth grade, when armed Germans were coming back from Russian front and then </w:t>
      </w:r>
    </w:p>
    <w:p>
      <w:pPr/>
      <w:r>
        <w:rPr>
          <w:rFonts w:ascii="Helvetica Light" w:hAnsi="Helvetica Light" w:cs="Helvetica Light"/>
          <w:sz w:val="24"/>
          <w:sz-cs w:val="24"/>
        </w:rPr>
        <w:t xml:space="preserve">things started to happen When Germans started coming back, this is when they started persecuting </w:t>
      </w:r>
    </w:p>
    <w:p>
      <w:pPr/>
      <w:r>
        <w:rPr>
          <w:rFonts w:ascii="Helvetica Light" w:hAnsi="Helvetica Light" w:cs="Helvetica Light"/>
          <w:sz w:val="24"/>
          <w:sz-cs w:val="24"/>
        </w:rPr>
        <w:t xml:space="preserve">Jews and Poles and that must have been in early \'9144\pard \qj\sl395\tx0\tx0\tx720\tx1440\tx2160\tx2880\tx3600\tx4320\tx5040\tx5760\tx6480\tx7200\tx7920\tx8640\tx9360 </w:t>
      </w:r>
    </w:p>
    <w:p>
      <w:pPr/>
      <w:r>
        <w:rPr>
          <w:rFonts w:ascii="Helvetica Light" w:hAnsi="Helvetica Light" w:cs="Helvetica Light"/>
          <w:sz w:val="24"/>
          <w:sz-cs w:val="24"/>
        </w:rPr>
        <w:t xml:space="preserve">}{\plain \*\cs3 }{\plain \super {\super \chftn {\footnote \pard \sa279\tx0\tx0\tx720\tx1440\tx2160\tx2880\tx3600\tx4320\tx5040\tx5760\tx6480\tx7200\tx7920\tx8640\tx9360 </w:t>
      </w:r>
    </w:p>
    <w:p>
      <w:pPr/>
      <w:r>
        <w:rPr>
          <w:rFonts w:ascii="Helvetica Light" w:hAnsi="Helvetica Light" w:cs="Helvetica Light"/>
          <w:sz w:val="24"/>
          <w:sz-cs w:val="24"/>
        </w:rPr>
        <w:t xml:space="preserve">{\plain \*\cs1\super \chftn }{}{\plain \*\cs3\fs20 }{\plain \*\cs3\super\fs20 }{\plain \tab \tab }{\plain \*\cs1 \tab }{\plain \*\cs1\fs20   The Germans began their occupation of Hungary in March 1944.}}}</w:t>
      </w:r>
    </w:p>
    <w:p>
      <w:pPr/>
      <w:r>
        <w:rPr>
          <w:rFonts w:ascii="Helvetica Light" w:hAnsi="Helvetica Light" w:cs="Helvetica Light"/>
          <w:sz w:val="24"/>
          <w:sz-cs w:val="24"/>
        </w:rPr>
        <w:t xml:space="preserve">}{\plain }{\plain  or something like that.\par</w:t>
      </w:r>
    </w:p>
    <w:p>
      <w:pPr/>
      <w:r>
        <w:rPr>
          <w:rFonts w:ascii="Helvetica Light" w:hAnsi="Helvetica Light" w:cs="Helvetica Light"/>
          <w:sz w:val="24"/>
          <w:sz-cs w:val="24"/>
        </w:rPr>
        <w:t xml:space="preserve">}{\plain \tab JF: \tab Up until then, you were living in a Hungarian town?\par</w:t>
      </w:r>
    </w:p>
    <w:p>
      <w:pPr/>
      <w:r>
        <w:rPr>
          <w:rFonts w:ascii="Helvetica Light" w:hAnsi="Helvetica Light" w:cs="Helvetica Light"/>
          <w:sz w:val="24"/>
          <w:sz-cs w:val="24"/>
        </w:rPr>
        <w:t xml:space="preserve">}{\plain \tab MT:\tab A Hungarian town.\par</w:t>
      </w:r>
    </w:p>
    <w:p>
      <w:pPr/>
      <w:r>
        <w:rPr>
          <w:rFonts w:ascii="Helvetica Light" w:hAnsi="Helvetica Light" w:cs="Helvetica Light"/>
          <w:sz w:val="24"/>
          <w:sz-cs w:val="24"/>
        </w:rPr>
        <w:t xml:space="preserve">}{\plain \tab JF:\tab Within a Polish community?\par</w:t>
      </w:r>
    </w:p>
    <w:p>
      <w:pPr/>
      <w:r>
        <w:rPr>
          <w:rFonts w:ascii="Helvetica Light" w:hAnsi="Helvetica Light" w:cs="Helvetica Light"/>
          <w:sz w:val="24"/>
          <w:sz-cs w:val="24"/>
        </w:rPr>
        <w:t xml:space="preserve">}{\plain \tab MT:\tab Within a Polish, well, in Keszthely we were not grouped too close. We were spread </w:t>
      </w:r>
    </w:p>
    <w:p>
      <w:pPr/>
      <w:r>
        <w:rPr>
          <w:rFonts w:ascii="Helvetica Light" w:hAnsi="Helvetica Light" w:cs="Helvetica Light"/>
          <w:sz w:val="24"/>
          <w:sz-cs w:val="24"/>
        </w:rPr>
        <w:t xml:space="preserve">out all over the city, but it was like in the cheaper sections. Cheaper homes.\par</w:t>
      </w:r>
    </w:p>
    <w:p>
      <w:pPr/>
      <w:r>
        <w:rPr>
          <w:rFonts w:ascii="Helvetica Light" w:hAnsi="Helvetica Light" w:cs="Helvetica Light"/>
          <w:sz w:val="24"/>
          <w:sz-cs w:val="24"/>
        </w:rPr>
        <w:t xml:space="preserve">}{\plain \tab JF:\tab And Jews as well as Christians?\par</w:t>
      </w:r>
    </w:p>
    <w:p>
      <w:pPr/>
      <w:r>
        <w:rPr>
          <w:rFonts w:ascii="Helvetica Light" w:hAnsi="Helvetica Light" w:cs="Helvetica Light"/>
          <w:sz w:val="24"/>
          <w:sz-cs w:val="24"/>
        </w:rPr>
        <w:t xml:space="preserve">}{\plain \tab MT:\tab Jews were part of the territory.  Jews were not affected by anything.\par</w:t>
      </w:r>
    </w:p>
    <w:p>
      <w:pPr/>
      <w:r>
        <w:rPr>
          <w:rFonts w:ascii="Helvetica Light" w:hAnsi="Helvetica Light" w:cs="Helvetica Light"/>
          <w:sz w:val="24"/>
          <w:sz-cs w:val="24"/>
        </w:rPr>
        <w:t xml:space="preserve">}{\plain \tab JF:\tab You are talking about Polish Jews now? Or are you talking about Hungarian Jews?\par</w:t>
      </w:r>
    </w:p>
    <w:p>
      <w:pPr/>
      <w:r>
        <w:rPr>
          <w:rFonts w:ascii="Helvetica Light" w:hAnsi="Helvetica Light" w:cs="Helvetica Light"/>
          <w:sz w:val="24"/>
          <w:sz-cs w:val="24"/>
        </w:rPr>
        <w:t xml:space="preserve">}{\plain \tab MT:\tab No Polish Jews, there were none.\par</w:t>
      </w:r>
    </w:p>
    <w:p>
      <w:pPr/>
      <w:r>
        <w:rPr>
          <w:rFonts w:ascii="Helvetica Light" w:hAnsi="Helvetica Light" w:cs="Helvetica Light"/>
          <w:sz w:val="24"/>
          <w:sz-cs w:val="24"/>
        </w:rPr>
        <w:t xml:space="preserve">}{\plain \tab JF:\tab There were no Polish Jews there? \par</w:t>
      </w:r>
    </w:p>
    <w:p>
      <w:pPr/>
      <w:r>
        <w:rPr>
          <w:rFonts w:ascii="Helvetica Light" w:hAnsi="Helvetica Light" w:cs="Helvetica Light"/>
          <w:sz w:val="24"/>
          <w:sz-cs w:val="24"/>
        </w:rPr>
        <w:t xml:space="preserve">}{\plain \tab MT:\tab No, but Hungarian Jews were again the merchants. They were the people that we had </w:t>
      </w:r>
    </w:p>
    <w:p>
      <w:pPr/>
      <w:r>
        <w:rPr>
          <w:rFonts w:ascii="Helvetica Light" w:hAnsi="Helvetica Light" w:cs="Helvetica Light"/>
          <w:sz w:val="24"/>
          <w:sz-cs w:val="24"/>
        </w:rPr>
        <w:t xml:space="preserve">to go and ask for food . We didn\'92t have too much money, but we were also unwanted in a territory </w:t>
      </w:r>
    </w:p>
    <w:p>
      <w:pPr/>
      <w:r>
        <w:rPr>
          <w:rFonts w:ascii="Helvetica Light" w:hAnsi="Helvetica Light" w:cs="Helvetica Light"/>
          <w:sz w:val="24"/>
          <w:sz-cs w:val="24"/>
        </w:rPr>
        <w:t xml:space="preserve">and when we were waiting in line, to buy a bread, for instance, to buy a bread, it was a Jewish bakery, </w:t>
      </w:r>
    </w:p>
    <w:p>
      <w:pPr/>
      <w:r>
        <w:rPr>
          <w:rFonts w:ascii="Helvetica Light" w:hAnsi="Helvetica Light" w:cs="Helvetica Light"/>
          <w:sz w:val="24"/>
          <w:sz-cs w:val="24"/>
        </w:rPr>
        <w:t xml:space="preserve">I forgot the name, but my mother had a good relation\-ship with that woman, but that woman said that </w:t>
      </w:r>
    </w:p>
    <w:p>
      <w:pPr/>
      <w:r>
        <w:rPr>
          <w:rFonts w:ascii="Helvetica Light" w:hAnsi="Helvetica Light" w:cs="Helvetica Light"/>
          <w:sz w:val="24"/>
          <w:sz-cs w:val="24"/>
        </w:rPr>
        <w:t xml:space="preserve">I can\'92t treat you better than Hungarians or I am out. And in a line you would be kicked around </w:t>
      </w:r>
    </w:p>
    <w:p>
      <w:pPr/>
      <w:r>
        <w:rPr>
          <w:rFonts w:ascii="Helvetica Light" w:hAnsi="Helvetica Light" w:cs="Helvetica Light"/>
          <w:sz w:val="24"/>
          <w:sz-cs w:val="24"/>
        </w:rPr>
        <w:t xml:space="preserve">because they also wanted, needed to eat.\par</w:t>
      </w:r>
    </w:p>
    <w:p>
      <w:pPr/>
      <w:r>
        <w:rPr>
          <w:rFonts w:ascii="Helvetica Light" w:hAnsi="Helvetica Light" w:cs="Helvetica Light"/>
          <w:sz w:val="24"/>
          <w:sz-cs w:val="24"/>
        </w:rPr>
        <w:t xml:space="preserve">}{\plain \*\cs1 \tab JF:\tab By the Hungarians?\par</w:t>
      </w:r>
    </w:p>
    <w:p>
      <w:pPr/>
      <w:r>
        <w:rPr>
          <w:rFonts w:ascii="Helvetica Light" w:hAnsi="Helvetica Light" w:cs="Helvetica Light"/>
          <w:sz w:val="24"/>
          <w:sz-cs w:val="24"/>
        </w:rPr>
        <w:t xml:space="preserve">}{\plain \*\cs1 \tab MT:\tab By the Hungarians.\par</w:t>
      </w:r>
    </w:p>
    <w:p>
      <w:pPr/>
      <w:r>
        <w:rPr>
          <w:rFonts w:ascii="Helvetica Light" w:hAnsi="Helvetica Light" w:cs="Helvetica Light"/>
          <w:sz w:val="24"/>
          <w:sz-cs w:val="24"/>
        </w:rPr>
        <w:t xml:space="preserve">}{\plain \*\cs1 \tab JF:\tab Before you had said that some of the people who came, some of the Poles. who came </w:t>
      </w:r>
    </w:p>
    <w:p>
      <w:pPr/>
      <w:r>
        <w:rPr>
          <w:rFonts w:ascii="Helvetica Light" w:hAnsi="Helvetica Light" w:cs="Helvetica Light"/>
          <w:sz w:val="24"/>
          <w:sz-cs w:val="24"/>
        </w:rPr>
        <w:t xml:space="preserve">into Hungary were Jews and were in these camps with you as you moved around.\par</w:t>
      </w:r>
    </w:p>
    <w:p>
      <w:pPr/>
      <w:r>
        <w:rPr>
          <w:rFonts w:ascii="Helvetica Light" w:hAnsi="Helvetica Light" w:cs="Helvetica Light"/>
          <w:sz w:val="24"/>
          <w:sz-cs w:val="24"/>
        </w:rPr>
        <w:t xml:space="preserve">}{\plain \*\cs1 \tab MT:\tab No, no, I believe what I meant is when my father was smuggling the young men, there </w:t>
      </w:r>
    </w:p>
    <w:p>
      <w:pPr/>
      <w:r>
        <w:rPr>
          <w:rFonts w:ascii="Helvetica Light" w:hAnsi="Helvetica Light" w:cs="Helvetica Light"/>
          <w:sz w:val="24"/>
          <w:sz-cs w:val="24"/>
        </w:rPr>
        <w:t xml:space="preserve">were also the renegades from Poland that needed a home, and the only home that Polish organization </w:t>
      </w:r>
    </w:p>
    <w:p>
      <w:pPr/>
      <w:r>
        <w:rPr>
          <w:rFonts w:ascii="Helvetica Light" w:hAnsi="Helvetica Light" w:cs="Helvetica Light"/>
          <w:sz w:val="24"/>
          <w:sz-cs w:val="24"/>
        </w:rPr>
        <w:t xml:space="preserve">knew at that time was army to defeat Hitler.\par</w:t>
      </w:r>
    </w:p>
    <w:p>
      <w:pPr/>
      <w:r>
        <w:rPr>
          <w:rFonts w:ascii="Helvetica Light" w:hAnsi="Helvetica Light" w:cs="Helvetica Light"/>
          <w:sz w:val="24"/>
          <w:sz-cs w:val="24"/>
        </w:rPr>
        <w:t xml:space="preserve">}{\plain \*\cs1 \tab JF:\tab So, these were only, then, young men who were going into the Polish army in exile, </w:t>
      </w:r>
    </w:p>
    <w:p>
      <w:pPr/>
      <w:r>
        <w:rPr>
          <w:rFonts w:ascii="Helvetica Light" w:hAnsi="Helvetica Light" w:cs="Helvetica Light"/>
          <w:sz w:val="24"/>
          <w:sz-cs w:val="24"/>
        </w:rPr>
        <w:t xml:space="preserve">as opposed to families?\par</w:t>
      </w:r>
    </w:p>
    <w:p>
      <w:pPr/>
      <w:r>
        <w:rPr>
          <w:rFonts w:ascii="Helvetica Light" w:hAnsi="Helvetica Light" w:cs="Helvetica Light"/>
          <w:sz w:val="24"/>
          <w:sz-cs w:val="24"/>
        </w:rPr>
        <w:t xml:space="preserve">}{\plain \*\cs1 \tab MT:\tab Yes.  No, families. I don\'92t recall any, because they had their own-- Jews traveled </w:t>
      </w:r>
    </w:p>
    <w:p>
      <w:pPr/>
      <w:r>
        <w:rPr>
          <w:rFonts w:ascii="Helvetica Light" w:hAnsi="Helvetica Light" w:cs="Helvetica Light"/>
          <w:sz w:val="24"/>
          <w:sz-cs w:val="24"/>
        </w:rPr>
        <w:t xml:space="preserve">differently than we did. Of course, we unfortunately ran out at 6 o\'92clock in the morning and we ran </w:t>
      </w:r>
    </w:p>
    <w:p>
      <w:pPr/>
      <w:r>
        <w:rPr>
          <w:rFonts w:ascii="Helvetica Light" w:hAnsi="Helvetica Light" w:cs="Helvetica Light"/>
          <w:sz w:val="24"/>
          <w:sz-cs w:val="24"/>
        </w:rPr>
        <w:t xml:space="preserve">out without money. When they decided to go they went prepared, usually. They went out and they </w:t>
      </w:r>
    </w:p>
    <w:p>
      <w:pPr/>
      <w:r>
        <w:rPr>
          <w:rFonts w:ascii="Helvetica Light" w:hAnsi="Helvetica Light" w:cs="Helvetica Light"/>
          <w:sz w:val="24"/>
          <w:sz-cs w:val="24"/>
        </w:rPr>
        <w:t xml:space="preserve">bought their way through the border or whatever, and they knew how far they would go, the ones </w:t>
      </w:r>
    </w:p>
    <w:p>
      <w:pPr/>
      <w:r>
        <w:rPr>
          <w:rFonts w:ascii="Helvetica Light" w:hAnsi="Helvetica Light" w:cs="Helvetica Light"/>
          <w:sz w:val="24"/>
          <w:sz-cs w:val="24"/>
        </w:rPr>
        <w:t xml:space="preserve">that did travel. The ones that wanted to stay behind, the more stubborn ones, older people, they didn\'92t </w:t>
      </w:r>
    </w:p>
    <w:p>
      <w:pPr/>
      <w:r>
        <w:rPr>
          <w:rFonts w:ascii="Helvetica Light" w:hAnsi="Helvetica Light" w:cs="Helvetica Light"/>
          <w:sz w:val="24"/>
          <w:sz-cs w:val="24"/>
        </w:rPr>
        <w:t xml:space="preserve">want to go.\par</w:t>
      </w:r>
    </w:p>
    <w:p>
      <w:pPr/>
      <w:r>
        <w:rPr>
          <w:rFonts w:ascii="Helvetica Light" w:hAnsi="Helvetica Light" w:cs="Helvetica Light"/>
          <w:sz w:val="24"/>
          <w:sz-cs w:val="24"/>
        </w:rPr>
        <w:t xml:space="preserve">}{\plain \*\cs1 \tab JF: \tab Those were the ones who were deported?  \par</w:t>
      </w:r>
    </w:p>
    <w:p>
      <w:pPr/>
      <w:r>
        <w:rPr>
          <w:rFonts w:ascii="Helvetica Light" w:hAnsi="Helvetica Light" w:cs="Helvetica Light"/>
          <w:sz w:val="24"/>
          <w:sz-cs w:val="24"/>
        </w:rPr>
        <w:t xml:space="preserve">}{\plain \*\cs1 \tab MT:\tab No, those were the ones that really went through terrible things later on. Some were </w:t>
      </w:r>
    </w:p>
    <w:p>
      <w:pPr/>
      <w:r>
        <w:rPr>
          <w:rFonts w:ascii="Helvetica Light" w:hAnsi="Helvetica Light" w:cs="Helvetica Light"/>
          <w:sz w:val="24"/>
          <w:sz-cs w:val="24"/>
        </w:rPr>
        <w:t xml:space="preserve">deported, some were killed.\par</w:t>
      </w:r>
    </w:p>
    <w:p>
      <w:pPr/>
      <w:r>
        <w:rPr>
          <w:rFonts w:ascii="Helvetica Light" w:hAnsi="Helvetica Light" w:cs="Helvetica Light"/>
          <w:sz w:val="24"/>
          <w:sz-cs w:val="24"/>
        </w:rPr>
        <w:t xml:space="preserve">}{\plain \*\cs1 \tab JF:\tab Okay.\par</w:t>
      </w:r>
    </w:p>
    <w:p>
      <w:pPr/>
      <w:r>
        <w:rPr>
          <w:rFonts w:ascii="Helvetica Light" w:hAnsi="Helvetica Light" w:cs="Helvetica Light"/>
          <w:sz w:val="24"/>
          <w:sz-cs w:val="24"/>
        </w:rPr>
        <w:t xml:space="preserve">}{\plain \*\cs1 \tab MT:\tab In a lot of cases,}{\plain \*\cs1\sub  }{\plain \*\cs1 like in the case where I was born, it was by their own people.\par</w:t>
      </w:r>
    </w:p>
    <w:p>
      <w:pPr/>
      <w:r>
        <w:rPr>
          <w:rFonts w:ascii="Helvetica Light" w:hAnsi="Helvetica Light" w:cs="Helvetica Light"/>
          <w:sz w:val="24"/>
          <w:sz-cs w:val="24"/>
        </w:rPr>
        <w:t xml:space="preserve">}{\plain \*\cs1 \tab JF:\tab What do you mean? By their own people? \par</w:t>
      </w:r>
    </w:p>
    <w:p>
      <w:pPr/>
      <w:r>
        <w:rPr>
          <w:rFonts w:ascii="Helvetica Light" w:hAnsi="Helvetica Light" w:cs="Helvetica Light"/>
          <w:sz w:val="24"/>
          <w:sz-cs w:val="24"/>
        </w:rPr>
        <w:t xml:space="preserve">}{\plain \*\cs1 \tab MT:\tab  People that lived in that territory.\par</w:t>
      </w:r>
    </w:p>
    <w:p>
      <w:pPr/>
      <w:r>
        <w:rPr>
          <w:rFonts w:ascii="Helvetica Light" w:hAnsi="Helvetica Light" w:cs="Helvetica Light"/>
          <w:sz w:val="24"/>
          <w:sz-cs w:val="24"/>
        </w:rPr>
        <w:t xml:space="preserve">}{\plain \*\cs1 \tab JF:\tab The Ukrainians\par</w:t>
      </w:r>
    </w:p>
    <w:p>
      <w:pPr/>
      <w:r>
        <w:rPr>
          <w:rFonts w:ascii="Helvetica Light" w:hAnsi="Helvetica Light" w:cs="Helvetica Light"/>
          <w:sz w:val="24"/>
          <w:sz-cs w:val="24"/>
        </w:rPr>
        <w:t xml:space="preserve">}{\plain \*\cs1 \tab MT:\tab Sure. There were some outsiders that were in charge of this movement, I am sure, </w:t>
      </w:r>
    </w:p>
    <w:p>
      <w:pPr/>
      <w:r>
        <w:rPr>
          <w:rFonts w:ascii="Helvetica Light" w:hAnsi="Helvetica Light" w:cs="Helvetica Light"/>
          <w:sz w:val="24"/>
          <w:sz-cs w:val="24"/>
        </w:rPr>
        <w:t xml:space="preserve">Ukrainians that were infiltrated, individuals put in there. They were giving the orders, but still it\'92s the </w:t>
      </w:r>
    </w:p>
    <w:p>
      <w:pPr/>
      <w:r>
        <w:rPr>
          <w:rFonts w:ascii="Helvetica Light" w:hAnsi="Helvetica Light" w:cs="Helvetica Light"/>
          <w:sz w:val="24"/>
          <w:sz-cs w:val="24"/>
        </w:rPr>
        <w:t xml:space="preserve">local people that did that.\par</w:t>
      </w:r>
    </w:p>
    <w:p>
      <w:pPr/>
      <w:r>
        <w:rPr>
          <w:rFonts w:ascii="Helvetica Light" w:hAnsi="Helvetica Light" w:cs="Helvetica Light"/>
          <w:sz w:val="24"/>
          <w:sz-cs w:val="24"/>
        </w:rPr>
        <w:t xml:space="preserve">}{\plain \*\cs1 \tab MT:\tab So that when you were living in this town, the Jews that you were in contact with </w:t>
      </w:r>
    </w:p>
    <w:p>
      <w:pPr/>
      <w:r>
        <w:rPr>
          <w:rFonts w:ascii="Helvetica Light" w:hAnsi="Helvetica Light" w:cs="Helvetica Light"/>
          <w:sz w:val="24"/>
          <w:sz-cs w:val="24"/>
        </w:rPr>
        <w:t xml:space="preserve">were Hungarian? \par</w:t>
      </w:r>
    </w:p>
    <w:p>
      <w:pPr/>
      <w:r>
        <w:rPr>
          <w:rFonts w:ascii="Helvetica Light" w:hAnsi="Helvetica Light" w:cs="Helvetica Light"/>
          <w:sz w:val="24"/>
          <w:sz-cs w:val="24"/>
        </w:rPr>
        <w:t xml:space="preserve">}{\plain \*\cs1 \tab JF:\tab Were Hungarian Jews.  As a matter of fact, across a. little yard, big yard, a big empty </w:t>
      </w:r>
    </w:p>
    <w:p>
      <w:pPr/>
      <w:r>
        <w:rPr>
          <w:rFonts w:ascii="Helvetica Light" w:hAnsi="Helvetica Light" w:cs="Helvetica Light"/>
          <w:sz w:val="24"/>
          <w:sz-cs w:val="24"/>
        </w:rPr>
        <w:t xml:space="preserve">yard, there was a Jewish family. There were younger girls, two girls, younger than I was, and I was </w:t>
      </w:r>
    </w:p>
    <w:p>
      <w:pPr/>
      <w:r>
        <w:rPr>
          <w:rFonts w:ascii="Helvetica Light" w:hAnsi="Helvetica Light" w:cs="Helvetica Light"/>
          <w:sz w:val="24"/>
          <w:sz-cs w:val="24"/>
        </w:rPr>
        <w:t xml:space="preserve">around seven, but they were my younger brother\'92s age because they played together. So it was not </w:t>
      </w:r>
    </w:p>
    <w:p>
      <w:pPr/>
      <w:r>
        <w:rPr>
          <w:rFonts w:ascii="Helvetica Light" w:hAnsi="Helvetica Light" w:cs="Helvetica Light"/>
          <w:sz w:val="24"/>
          <w:sz-cs w:val="24"/>
        </w:rPr>
        <w:t xml:space="preserve">something that you stayed away, and I guess it was a blessing to us that we were allowed to play with </w:t>
      </w:r>
    </w:p>
    <w:p>
      <w:pPr/>
      <w:r>
        <w:rPr>
          <w:rFonts w:ascii="Helvetica Light" w:hAnsi="Helvetica Light" w:cs="Helvetica Light"/>
          <w:sz w:val="24"/>
          <w:sz-cs w:val="24"/>
        </w:rPr>
        <w:t xml:space="preserve">them, because we were actually nobodies in a new territory. Hungarian boys we had trouble with, </w:t>
      </w:r>
    </w:p>
    <w:p>
      <w:pPr/>
      <w:r>
        <w:rPr>
          <w:rFonts w:ascii="Helvetica Light" w:hAnsi="Helvetica Light" w:cs="Helvetica Light"/>
          <w:sz w:val="24"/>
          <w:sz-cs w:val="24"/>
        </w:rPr>
        <w:t xml:space="preserve">because we had to fight all the time.\par</w:t>
      </w:r>
    </w:p>
    <w:p>
      <w:pPr/>
      <w:r>
        <w:rPr>
          <w:rFonts w:ascii="Helvetica Light" w:hAnsi="Helvetica Light" w:cs="Helvetica Light"/>
          <w:sz w:val="24"/>
          <w:sz-cs w:val="24"/>
        </w:rPr>
        <w:t xml:space="preserve">}{\plain \*\cs1 \tab MT:\tab That\'92s where the hostility was, with the Hungarians?\par</w:t>
      </w:r>
    </w:p>
    <w:p>
      <w:pPr/>
      <w:r>
        <w:rPr>
          <w:rFonts w:ascii="Helvetica Light" w:hAnsi="Helvetica Light" w:cs="Helvetica Light"/>
          <w:sz w:val="24"/>
          <w:sz-cs w:val="24"/>
        </w:rPr>
        <w:t xml:space="preserve">}{\plain \tab JF:\tab We had to fight. They didn\'92t want us around. We were not stealing their women </w:t>
      </w:r>
    </w:p>
    <w:p>
      <w:pPr/>
      <w:r>
        <w:rPr>
          <w:rFonts w:ascii="Helvetica Light" w:hAnsi="Helvetica Light" w:cs="Helvetica Light"/>
          <w:sz w:val="24"/>
          <w:sz-cs w:val="24"/>
        </w:rPr>
        <w:t xml:space="preserve">because we were just kids, but we were not part of the deal.  Going back to waiting in line to get </w:t>
      </w:r>
    </w:p>
    <w:p>
      <w:pPr/>
      <w:r>
        <w:rPr>
          <w:rFonts w:ascii="Helvetica Light" w:hAnsi="Helvetica Light" w:cs="Helvetica Light"/>
          <w:sz w:val="24"/>
          <w:sz-cs w:val="24"/>
        </w:rPr>
        <w:t xml:space="preserve">food, we would have to form some kind of a set-up where early in the evening we would go and stay </w:t>
      </w:r>
    </w:p>
    <w:p>
      <w:pPr/>
      <w:r>
        <w:rPr>
          <w:rFonts w:ascii="Helvetica Light" w:hAnsi="Helvetica Light" w:cs="Helvetica Light"/>
          <w:sz w:val="24"/>
          <w:sz-cs w:val="24"/>
        </w:rPr>
        <w:t xml:space="preserve">in line. At night it would be my parents, but since my father had to work, he didn\'92t spend that much </w:t>
      </w:r>
    </w:p>
    <w:p>
      <w:pPr/>
      <w:r>
        <w:rPr>
          <w:rFonts w:ascii="Helvetica Light" w:hAnsi="Helvetica Light" w:cs="Helvetica Light"/>
          <w:sz w:val="24"/>
          <w:sz-cs w:val="24"/>
        </w:rPr>
        <w:t xml:space="preserve">time in line, because he had to have his sleep, and his strength to work next day. Now, my mother </w:t>
      </w:r>
    </w:p>
    <w:p>
      <w:pPr/>
      <w:r>
        <w:rPr>
          <w:rFonts w:ascii="Helvetica Light" w:hAnsi="Helvetica Light" w:cs="Helvetica Light"/>
          <w:sz w:val="24"/>
          <w:sz-cs w:val="24"/>
        </w:rPr>
        <w:t xml:space="preserve">also worked, but she was a tough cookie, I guess, and younger, by ten years of my father, so it was </w:t>
      </w:r>
    </w:p>
    <w:p>
      <w:pPr/>
      <w:r>
        <w:rPr>
          <w:rFonts w:ascii="Helvetica Light" w:hAnsi="Helvetica Light" w:cs="Helvetica Light"/>
          <w:sz w:val="24"/>
          <w:sz-cs w:val="24"/>
        </w:rPr>
        <w:t xml:space="preserve">I and my older brother, and we would stand there for three to four hours in the evening, until we were </w:t>
      </w:r>
    </w:p>
    <w:p>
      <w:pPr/>
      <w:r>
        <w:rPr>
          <w:rFonts w:ascii="Helvetica Light" w:hAnsi="Helvetica Light" w:cs="Helvetica Light"/>
          <w:sz w:val="24"/>
          <w:sz-cs w:val="24"/>
        </w:rPr>
        <w:t xml:space="preserve">replaced by the next one.  So I would be the first one since I was the younger one. My two younger </w:t>
      </w:r>
    </w:p>
    <w:p>
      <w:pPr/>
      <w:r>
        <w:rPr>
          <w:rFonts w:ascii="Helvetica Light" w:hAnsi="Helvetica Light" w:cs="Helvetica Light"/>
          <w:sz w:val="24"/>
          <w:sz-cs w:val="24"/>
        </w:rPr>
        <w:t xml:space="preserve">brothers did not participate in it, then my older brother would stay until probably about eleven </w:t>
      </w:r>
    </w:p>
    <w:p>
      <w:pPr/>
      <w:r>
        <w:rPr>
          <w:rFonts w:ascii="Helvetica Light" w:hAnsi="Helvetica Light" w:cs="Helvetica Light"/>
          <w:sz w:val="24"/>
          <w:sz-cs w:val="24"/>
        </w:rPr>
        <w:t xml:space="preserve">o\'92clock at night, and then my mother, no, then my father would go and stay for so many hours, and </w:t>
      </w:r>
    </w:p>
    <w:p>
      <w:pPr/>
      <w:r>
        <w:rPr>
          <w:rFonts w:ascii="Helvetica Light" w:hAnsi="Helvetica Light" w:cs="Helvetica Light"/>
          <w:sz w:val="24"/>
          <w:sz-cs w:val="24"/>
        </w:rPr>
        <w:t xml:space="preserve">then my mother would stay until she gets into the store. That\'92s how long the lines were formed </w:t>
      </w:r>
    </w:p>
    <w:p>
      <w:pPr/>
      <w:r>
        <w:rPr>
          <w:rFonts w:ascii="Helvetica Light" w:hAnsi="Helvetica Light" w:cs="Helvetica Light"/>
          <w:sz w:val="24"/>
          <w:sz-cs w:val="24"/>
        </w:rPr>
        <w:t xml:space="preserve">outside the stores to buy food.\par</w:t>
      </w:r>
    </w:p>
    <w:p>
      <w:pPr/>
      <w:r>
        <w:rPr>
          <w:rFonts w:ascii="Helvetica Light" w:hAnsi="Helvetica Light" w:cs="Helvetica Light"/>
          <w:sz w:val="24"/>
          <w:sz-cs w:val="24"/>
        </w:rPr>
        <w:t xml:space="preserve">}{\plain \*\cs1 \tab JF:\tab And everything was rationed, I would assume.\par</w:t>
      </w:r>
    </w:p>
    <w:p>
      <w:pPr/>
      <w:r>
        <w:rPr>
          <w:rFonts w:ascii="Helvetica Light" w:hAnsi="Helvetica Light" w:cs="Helvetica Light"/>
          <w:sz w:val="24"/>
          <w:sz-cs w:val="24"/>
        </w:rPr>
        <w:t xml:space="preserve">}{\plain \*\cs1 \tab MT:\tab No, it was not rationed,}{\plain \*\cs1\sub  }{\plain \sub }{\plain but they would not sell you too much.\par</w:t>
      </w:r>
    </w:p>
    <w:p>
      <w:pPr/>
      <w:r>
        <w:rPr>
          <w:rFonts w:ascii="Helvetica Light" w:hAnsi="Helvetica Light" w:cs="Helvetica Light"/>
          <w:sz w:val="24"/>
          <w:sz-cs w:val="24"/>
        </w:rPr>
        <w:t xml:space="preserve">}{\plain \*\cs1 \tab JF:\tab Just shortages?\par</w:t>
      </w:r>
    </w:p>
    <w:p>
      <w:pPr/>
      <w:r>
        <w:rPr>
          <w:rFonts w:ascii="Helvetica Light" w:hAnsi="Helvetica Light" w:cs="Helvetica Light"/>
          <w:sz w:val="24"/>
          <w:sz-cs w:val="24"/>
        </w:rPr>
        <w:t xml:space="preserve">}{\plain \*\cs1 \tab MT:\tab  Yes, they would not, they were not allowed to sell you too much. That Jewish woman </w:t>
      </w:r>
    </w:p>
    <w:p>
      <w:pPr/>
      <w:r>
        <w:rPr>
          <w:rFonts w:ascii="Helvetica Light" w:hAnsi="Helvetica Light" w:cs="Helvetica Light"/>
          <w:sz w:val="24"/>
          <w:sz-cs w:val="24"/>
        </w:rPr>
        <w:t xml:space="preserve">that had the bakery, she would always prepare something for my mother to take out later on through </w:t>
      </w:r>
    </w:p>
    <w:p>
      <w:pPr/>
      <w:r>
        <w:rPr>
          <w:rFonts w:ascii="Helvetica Light" w:hAnsi="Helvetica Light" w:cs="Helvetica Light"/>
          <w:sz w:val="24"/>
          <w:sz-cs w:val="24"/>
        </w:rPr>
        <w:t xml:space="preserve">the back door, but for some reason that never worked out because I guess they ran out of it.\par</w:t>
      </w:r>
    </w:p>
    <w:p>
      <w:pPr/>
      <w:r>
        <w:rPr>
          <w:rFonts w:ascii="Helvetica Light" w:hAnsi="Helvetica Light" w:cs="Helvetica Light"/>
          <w:sz w:val="24"/>
          <w:sz-cs w:val="24"/>
        </w:rPr>
        <w:t xml:space="preserve">}{\plain \*\cs1 \tab JF:\tab You mean for a time?\par</w:t>
      </w:r>
    </w:p>
    <w:p>
      <w:pPr/>
      <w:r>
        <w:rPr>
          <w:rFonts w:ascii="Helvetica Light" w:hAnsi="Helvetica Light" w:cs="Helvetica Light"/>
          <w:sz w:val="24"/>
          <w:sz-cs w:val="24"/>
        </w:rPr>
        <w:t xml:space="preserve">}{\plain \*\cs1 \tab MT:\tab After you get in you could only buy, let\'92s say 10 rolls, but she had four kids and </w:t>
      </w:r>
    </w:p>
    <w:p>
      <w:pPr/>
      <w:r>
        <w:rPr>
          <w:rFonts w:ascii="Helvetica Light" w:hAnsi="Helvetica Light" w:cs="Helvetica Light"/>
          <w:sz w:val="24"/>
          <w:sz-cs w:val="24"/>
        </w:rPr>
        <w:t xml:space="preserve">herself and her husband.  She would say she would put something away for her, a couple more rolls, </w:t>
      </w:r>
    </w:p>
    <w:p>
      <w:pPr/>
      <w:r>
        <w:rPr>
          <w:rFonts w:ascii="Helvetica Light" w:hAnsi="Helvetica Light" w:cs="Helvetica Light"/>
          <w:sz w:val="24"/>
          <w:sz-cs w:val="24"/>
        </w:rPr>
        <w:t xml:space="preserve">but then for some reason, it never actually happened. Because I imagine they were breaking down </w:t>
      </w:r>
    </w:p>
    <w:p>
      <w:pPr/>
      <w:r>
        <w:rPr>
          <w:rFonts w:ascii="Helvetica Light" w:hAnsi="Helvetica Light" w:cs="Helvetica Light"/>
          <w:sz w:val="24"/>
          <w:sz-cs w:val="24"/>
        </w:rPr>
        <w:t xml:space="preserve">the door and there was nothing.  Everybody cried and everybody had a child-- things were bad but </w:t>
      </w:r>
    </w:p>
    <w:p>
      <w:pPr/>
      <w:r>
        <w:rPr>
          <w:rFonts w:ascii="Helvetica Light" w:hAnsi="Helvetica Light" w:cs="Helvetica Light"/>
          <w:sz w:val="24"/>
          <w:sz-cs w:val="24"/>
        </w:rPr>
        <w:t xml:space="preserve">they were not to the point where you could realize what is happening. But then, all of a sudden, I </w:t>
      </w:r>
    </w:p>
    <w:p>
      <w:pPr/>
      <w:r>
        <w:rPr>
          <w:rFonts w:ascii="Helvetica Light" w:hAnsi="Helvetica Light" w:cs="Helvetica Light"/>
          <w:sz w:val="24"/>
          <w:sz-cs w:val="24"/>
        </w:rPr>
        <w:t xml:space="preserve">noticed yellow stars which now I am familiar with, the Star of David, being worn by some people but </w:t>
      </w:r>
    </w:p>
    <w:p>
      <w:pPr/>
      <w:r>
        <w:rPr>
          <w:rFonts w:ascii="Helvetica Light" w:hAnsi="Helvetica Light" w:cs="Helvetica Light"/>
          <w:sz w:val="24"/>
          <w:sz-cs w:val="24"/>
        </w:rPr>
        <w:t xml:space="preserve">not all. And I would study the star. It was two right angle triangles. Cardboard covered with cloth, </w:t>
      </w:r>
    </w:p>
    <w:p>
      <w:pPr/>
      <w:r>
        <w:rPr>
          <w:rFonts w:ascii="Helvetica Light" w:hAnsi="Helvetica Light" w:cs="Helvetica Light"/>
          <w:sz w:val="24"/>
          <w:sz-cs w:val="24"/>
        </w:rPr>
        <w:t xml:space="preserve">yellow cloth turned separately and pinned together. That\'92s how they made those things. Two separate </w:t>
      </w:r>
    </w:p>
    <w:p>
      <w:pPr/>
      <w:r>
        <w:rPr>
          <w:rFonts w:ascii="Helvetica Light" w:hAnsi="Helvetica Light" w:cs="Helvetica Light"/>
          <w:sz w:val="24"/>
          <w:sz-cs w:val="24"/>
        </w:rPr>
        <w:t xml:space="preserve">triangles placed on top of each other, turned so that it becomes a star, and they had to carry on their </w:t>
      </w:r>
    </w:p>
    <w:p>
      <w:pPr/>
      <w:r>
        <w:rPr>
          <w:rFonts w:ascii="Helvetica Light" w:hAnsi="Helvetica Light" w:cs="Helvetica Light"/>
          <w:sz w:val="24"/>
          <w:sz-cs w:val="24"/>
        </w:rPr>
        <w:t xml:space="preserve">lapel. I don\'92t remember women wearing it, but I remember men had to wear it, in the city of </w:t>
      </w:r>
    </w:p>
    <w:p>
      <w:pPr/>
      <w:r>
        <w:rPr>
          <w:rFonts w:ascii="Helvetica Light" w:hAnsi="Helvetica Light" w:cs="Helvetica Light"/>
          <w:sz w:val="24"/>
          <w:sz-cs w:val="24"/>
        </w:rPr>
        <w:t xml:space="preserve">Keszthely, Hungary. So, all of a sudden the places we go to buy food, we notice that they have a star </w:t>
      </w:r>
    </w:p>
    <w:p>
      <w:pPr/>
      <w:r>
        <w:rPr>
          <w:rFonts w:ascii="Helvetica Light" w:hAnsi="Helvetica Light" w:cs="Helvetica Light"/>
          <w:sz w:val="24"/>
          <w:sz-cs w:val="24"/>
        </w:rPr>
        <w:t xml:space="preserve">on themselves, but still they did not know what is in store for them, because as soon as you would </w:t>
      </w:r>
    </w:p>
    <w:p>
      <w:pPr/>
      <w:r>
        <w:rPr>
          <w:rFonts w:ascii="Helvetica Light" w:hAnsi="Helvetica Light" w:cs="Helvetica Light"/>
          <w:sz w:val="24"/>
          <w:sz-cs w:val="24"/>
        </w:rPr>
        <w:t xml:space="preserve">do that to me, I would try to sneak out, if I would know. But only it shows that nobody knew what </w:t>
      </w:r>
    </w:p>
    <w:p>
      <w:pPr/>
      <w:r>
        <w:rPr>
          <w:rFonts w:ascii="Helvetica Light" w:hAnsi="Helvetica Light" w:cs="Helvetica Light"/>
          <w:sz w:val="24"/>
          <w:sz-cs w:val="24"/>
        </w:rPr>
        <w:t xml:space="preserve">the plan was.\par</w:t>
      </w:r>
    </w:p>
    <w:p>
      <w:pPr/>
      <w:r>
        <w:rPr>
          <w:rFonts w:ascii="Helvetica Light" w:hAnsi="Helvetica Light" w:cs="Helvetica Light"/>
          <w:sz w:val="24"/>
          <w:sz-cs w:val="24"/>
        </w:rPr>
        <w:t xml:space="preserve">}{\plain \*\cs1 \tab JF:\tab You are thinking that now, or at the time...\par</w:t>
      </w:r>
    </w:p>
    <w:p>
      <w:pPr/>
      <w:r>
        <w:rPr>
          <w:rFonts w:ascii="Helvetica Light" w:hAnsi="Helvetica Light" w:cs="Helvetica Light"/>
          <w:sz w:val="24"/>
          <w:sz-cs w:val="24"/>
        </w:rPr>
        <w:t xml:space="preserve">}{\plain \*\cs1 \tab MT:\tab I am thinking that now. At that time I just questioned why? So my parents  explained </w:t>
      </w:r>
    </w:p>
    <w:p>
      <w:pPr/>
      <w:r>
        <w:rPr>
          <w:rFonts w:ascii="Helvetica Light" w:hAnsi="Helvetica Light" w:cs="Helvetica Light"/>
          <w:sz w:val="24"/>
          <w:sz-cs w:val="24"/>
        </w:rPr>
        <w:t xml:space="preserve">it to me. That that is the Star of David. These are Jewish people and they are being singled out, like </w:t>
      </w:r>
    </w:p>
    <w:p>
      <w:pPr/>
      <w:r>
        <w:rPr>
          <w:rFonts w:ascii="Helvetica Light" w:hAnsi="Helvetica Light" w:cs="Helvetica Light"/>
          <w:sz w:val="24"/>
          <w:sz-cs w:val="24"/>
        </w:rPr>
        <w:t xml:space="preserve">we are. They are being put on a list, and nobody knows what is going to happen, but it is not good. </w:t>
      </w:r>
    </w:p>
    <w:p>
      <w:pPr/>
      <w:r>
        <w:rPr>
          <w:rFonts w:ascii="Helvetica Light" w:hAnsi="Helvetica Light" w:cs="Helvetica Light"/>
          <w:sz w:val="24"/>
          <w:sz-cs w:val="24"/>
        </w:rPr>
        <w:t xml:space="preserve">So from that moment everybody was so afraid.  We were afraid to go out on the street, and afraid </w:t>
      </w:r>
    </w:p>
    <w:p>
      <w:pPr/>
      <w:r>
        <w:rPr>
          <w:rFonts w:ascii="Helvetica Light" w:hAnsi="Helvetica Light" w:cs="Helvetica Light"/>
          <w:sz w:val="24"/>
          <w:sz-cs w:val="24"/>
        </w:rPr>
        <w:t xml:space="preserve">to say something, and you always looked back who was walking behind you}{\plain \*\cs1\sub  }{\plain \*\cs1 from then on.\par</w:t>
      </w:r>
    </w:p>
    <w:p>
      <w:pPr/>
      <w:r>
        <w:rPr>
          <w:rFonts w:ascii="Helvetica Light" w:hAnsi="Helvetica Light" w:cs="Helvetica Light"/>
          <w:sz w:val="24"/>
          <w:sz-cs w:val="24"/>
        </w:rPr>
        <w:t xml:space="preserve">}{\plain \*\cs1 \tab JF:\tab About from what point was this that you recall seeing the stars and having this more </w:t>
      </w:r>
    </w:p>
    <w:p>
      <w:pPr/>
      <w:r>
        <w:rPr>
          <w:rFonts w:ascii="Helvetica Light" w:hAnsi="Helvetica Light" w:cs="Helvetica Light"/>
          <w:sz w:val="24"/>
          <w:sz-cs w:val="24"/>
        </w:rPr>
        <w:t xml:space="preserve">intense feeling?\par</w:t>
      </w:r>
    </w:p>
    <w:p>
      <w:pPr/>
      <w:r>
        <w:rPr>
          <w:rFonts w:ascii="Helvetica Light" w:hAnsi="Helvetica Light" w:cs="Helvetica Light"/>
          <w:sz w:val="24"/>
          <w:sz-cs w:val="24"/>
        </w:rPr>
        <w:t xml:space="preserve">}{\plain \*\cs1 \tab MT: \tab That was when Hitler\'92s army was coming back all chewed up. I know we had...\par</w:t>
      </w:r>
    </w:p>
    <w:p>
      <w:pPr/>
      <w:r>
        <w:rPr>
          <w:rFonts w:ascii="Helvetica Light" w:hAnsi="Helvetica Light" w:cs="Helvetica Light"/>
          <w:sz w:val="24"/>
          <w:sz-cs w:val="24"/>
        </w:rPr>
        <w:t xml:space="preserve">}{\plain \*\cs1 \tab JF: \tab Coming back from Russia?\par</w:t>
      </w:r>
    </w:p>
    <w:p>
      <w:pPr/>
      <w:r>
        <w:rPr>
          <w:rFonts w:ascii="Helvetica Light" w:hAnsi="Helvetica Light" w:cs="Helvetica Light"/>
          <w:sz w:val="24"/>
          <w:sz-cs w:val="24"/>
        </w:rPr>
        <w:t xml:space="preserve">}{\plain \*\cs1 \tab MT:  \tab From Russian front badly chewed up, and there was such a good feeling in us </w:t>
      </w:r>
    </w:p>
    <w:p>
      <w:pPr/>
      <w:r>
        <w:rPr>
          <w:rFonts w:ascii="Helvetica Light" w:hAnsi="Helvetica Light" w:cs="Helvetica Light"/>
          <w:sz w:val="24"/>
          <w:sz-cs w:val="24"/>
        </w:rPr>
        <w:t xml:space="preserve">youngsters, politically brought up in hating Hitler, that they are coming back destroyed. That\'92s when </w:t>
      </w:r>
    </w:p>
    <w:p>
      <w:pPr/>
      <w:r>
        <w:rPr>
          <w:rFonts w:ascii="Helvetica Light" w:hAnsi="Helvetica Light" w:cs="Helvetica Light"/>
          <w:sz w:val="24"/>
          <w:sz-cs w:val="24"/>
        </w:rPr>
        <w:t xml:space="preserve">they started destroying us.\par</w:t>
      </w:r>
    </w:p>
    <w:p>
      <w:pPr/>
      <w:r>
        <w:rPr>
          <w:rFonts w:ascii="Helvetica Light" w:hAnsi="Helvetica Light" w:cs="Helvetica Light"/>
          <w:sz w:val="24"/>
          <w:sz-cs w:val="24"/>
        </w:rPr>
        <w:t xml:space="preserve">}{\plain \*\cs1 \tab JF:\tab It didn\'92t last long, that feeling?\par</w:t>
      </w:r>
    </w:p>
    <w:p>
      <w:pPr/>
      <w:r>
        <w:rPr>
          <w:rFonts w:ascii="Helvetica Light" w:hAnsi="Helvetica Light" w:cs="Helvetica Light"/>
          <w:sz w:val="24"/>
          <w:sz-cs w:val="24"/>
        </w:rPr>
        <w:t xml:space="preserve">}{\plain \*\cs1 \tab MT:\tab So they gathered Jews later on into ghetto. Ghetto was part of the city that they </w:t>
      </w:r>
    </w:p>
    <w:p>
      <w:pPr/>
      <w:r>
        <w:rPr>
          <w:rFonts w:ascii="Helvetica Light" w:hAnsi="Helvetica Light" w:cs="Helvetica Light"/>
          <w:sz w:val="24"/>
          <w:sz-cs w:val="24"/>
        </w:rPr>
        <w:t xml:space="preserve">boarded off. \par</w:t>
      </w:r>
    </w:p>
    <w:p>
      <w:pPr/>
      <w:r>
        <w:rPr>
          <w:rFonts w:ascii="Helvetica Light" w:hAnsi="Helvetica Light" w:cs="Helvetica Light"/>
          <w:sz w:val="24"/>
          <w:sz-cs w:val="24"/>
        </w:rPr>
        <w:t xml:space="preserve">}{\plain \*\cs1 \tab JF:\tab Was there a ghetto in your town?\par</w:t>
      </w:r>
    </w:p>
    <w:p>
      <w:pPr/>
      <w:r>
        <w:rPr>
          <w:rFonts w:ascii="Helvetica Light" w:hAnsi="Helvetica Light" w:cs="Helvetica Light"/>
          <w:sz w:val="24"/>
          <w:sz-cs w:val="24"/>
        </w:rPr>
        <w:t xml:space="preserve">}{\plain \*\cs1 \tab MT: \tab Yes, every city, I imagine.  I was not in every city. They boarded off with boards. It </w:t>
      </w:r>
    </w:p>
    <w:p>
      <w:pPr/>
      <w:r>
        <w:rPr>
          <w:rFonts w:ascii="Helvetica Light" w:hAnsi="Helvetica Light" w:cs="Helvetica Light"/>
          <w:sz w:val="24"/>
          <w:sz-cs w:val="24"/>
        </w:rPr>
        <w:t xml:space="preserve">was not just a ghetto that was part of the city. It\'92s a closed off the city, guarded by armed guards.  </w:t>
      </w:r>
    </w:p>
    <w:p>
      <w:pPr/>
      <w:r>
        <w:rPr>
          <w:rFonts w:ascii="Helvetica Light" w:hAnsi="Helvetica Light" w:cs="Helvetica Light"/>
          <w:sz w:val="24"/>
          <w:sz-cs w:val="24"/>
        </w:rPr>
        <w:t xml:space="preserve">Evacuated from their homes into the ghetto with their belongings, as much as they could take, I </w:t>
      </w:r>
    </w:p>
    <w:p>
      <w:pPr/>
      <w:r>
        <w:rPr>
          <w:rFonts w:ascii="Helvetica Light" w:hAnsi="Helvetica Light" w:cs="Helvetica Light"/>
          <w:sz w:val="24"/>
          <w:sz-cs w:val="24"/>
        </w:rPr>
        <w:t xml:space="preserve">guess. What would they take? The best they had, probably, and that\'92s what probably the territory </w:t>
      </w:r>
    </w:p>
    <w:p>
      <w:pPr/>
      <w:r>
        <w:rPr>
          <w:rFonts w:ascii="Helvetica Light" w:hAnsi="Helvetica Light" w:cs="Helvetica Light"/>
          <w:sz w:val="24"/>
          <w:sz-cs w:val="24"/>
        </w:rPr>
        <w:t xml:space="preserve">wanted.\par</w:t>
      </w:r>
    </w:p>
    <w:p>
      <w:pPr/>
      <w:r>
        <w:rPr>
          <w:rFonts w:ascii="Helvetica Light" w:hAnsi="Helvetica Light" w:cs="Helvetica Light"/>
          <w:sz w:val="24"/>
          <w:sz-cs w:val="24"/>
        </w:rPr>
        <w:t xml:space="preserve">}{\plain \*\cs1 \tab JF:\tab That is when the Germans occupied...\par</w:t>
      </w:r>
    </w:p>
    <w:p>
      <w:pPr/>
      <w:r>
        <w:rPr>
          <w:rFonts w:ascii="Helvetica Light" w:hAnsi="Helvetica Light" w:cs="Helvetica Light"/>
          <w:sz w:val="24"/>
          <w:sz-cs w:val="24"/>
        </w:rPr>
        <w:t xml:space="preserve">}{\plain \*\cs1 \tab MT:\tab That is correct.\par</w:t>
      </w:r>
    </w:p>
    <w:p>
      <w:pPr/>
      <w:r>
        <w:rPr>
          <w:rFonts w:ascii="Helvetica Light" w:hAnsi="Helvetica Light" w:cs="Helvetica Light"/>
          <w:sz w:val="24"/>
          <w:sz-cs w:val="24"/>
        </w:rPr>
        <w:t xml:space="preserve">}{\plain \*\cs1 \tab JF: \tab Until that time was there any Russian involvement, where you were in Hungary?\par</w:t>
      </w:r>
    </w:p>
    <w:p>
      <w:pPr/>
      <w:r>
        <w:rPr>
          <w:rFonts w:ascii="Helvetica Light" w:hAnsi="Helvetica Light" w:cs="Helvetica Light"/>
          <w:sz w:val="24"/>
          <w:sz-cs w:val="24"/>
        </w:rPr>
        <w:t xml:space="preserve">}{\plain \*\cs1 \tab MT: \tab No. No, we feared Russians, that was why we ran. We feared Russians deadly.  We </w:t>
      </w:r>
    </w:p>
    <w:p>
      <w:pPr/>
      <w:r>
        <w:rPr>
          <w:rFonts w:ascii="Helvetica Light" w:hAnsi="Helvetica Light" w:cs="Helvetica Light"/>
          <w:sz w:val="24"/>
          <w:sz-cs w:val="24"/>
        </w:rPr>
        <w:t xml:space="preserve">thought that Germans are more humane, but they turn out not to be in the Second World War. Matter </w:t>
      </w:r>
    </w:p>
    <w:p>
      <w:pPr/>
      <w:r>
        <w:rPr>
          <w:rFonts w:ascii="Helvetica Light" w:hAnsi="Helvetica Light" w:cs="Helvetica Light"/>
          <w:sz w:val="24"/>
          <w:sz-cs w:val="24"/>
        </w:rPr>
        <w:t xml:space="preserve">of fact, we would go to church. I was alter boy. The Hungarians didn\'92t like us, but the priests did. </w:t>
      </w:r>
    </w:p>
    <w:p>
      <w:pPr/>
      <w:r>
        <w:rPr>
          <w:rFonts w:ascii="Helvetica Light" w:hAnsi="Helvetica Light" w:cs="Helvetica Light"/>
          <w:sz w:val="24"/>
          <w:sz-cs w:val="24"/>
        </w:rPr>
        <w:t xml:space="preserve">For some reason we were more kind, probably, and we were not as arrogant as some of those other </w:t>
      </w:r>
    </w:p>
    <w:p>
      <w:pPr/>
      <w:r>
        <w:rPr>
          <w:rFonts w:ascii="Helvetica Light" w:hAnsi="Helvetica Light" w:cs="Helvetica Light"/>
          <w:sz w:val="24"/>
          <w:sz-cs w:val="24"/>
        </w:rPr>
        <w:t xml:space="preserve">boys. We were always shy and kind because you had to be kind to survive. You had to be extremely </w:t>
      </w:r>
    </w:p>
    <w:p>
      <w:pPr/>
      <w:r>
        <w:rPr>
          <w:rFonts w:ascii="Helvetica Light" w:hAnsi="Helvetica Light" w:cs="Helvetica Light"/>
          <w:sz w:val="24"/>
          <w:sz-cs w:val="24"/>
        </w:rPr>
        <w:t xml:space="preserve">kind to everyone.\par</w:t>
      </w:r>
    </w:p>
    <w:p>
      <w:pPr/>
      <w:r>
        <w:rPr>
          <w:rFonts w:ascii="Helvetica Light" w:hAnsi="Helvetica Light" w:cs="Helvetica Light"/>
          <w:sz w:val="24"/>
          <w:sz-cs w:val="24"/>
        </w:rPr>
        <w:t xml:space="preserve">}{\plain \*\cs1 \tab JF: \tab Why do you say that?\par</w:t>
      </w:r>
    </w:p>
    <w:p>
      <w:pPr/>
      <w:r>
        <w:rPr>
          <w:rFonts w:ascii="Helvetica Light" w:hAnsi="Helvetica Light" w:cs="Helvetica Light"/>
          <w:sz w:val="24"/>
          <w:sz-cs w:val="24"/>
        </w:rPr>
        <w:t xml:space="preserve">}{\plain \*\cs1 \tab MT:\tab Knowing that everybody hates you, you become extremely kind. If somebody does </w:t>
      </w:r>
    </w:p>
    <w:p>
      <w:pPr/>
      <w:r>
        <w:rPr>
          <w:rFonts w:ascii="Helvetica Light" w:hAnsi="Helvetica Light" w:cs="Helvetica Light"/>
          <w:sz w:val="24"/>
          <w:sz-cs w:val="24"/>
        </w:rPr>
        <w:t xml:space="preserve">not kick you or something. Extremely shy. At least we were brought up that way, to be kind.\par</w:t>
      </w:r>
    </w:p>
    <w:p>
      <w:pPr/>
      <w:r>
        <w:rPr>
          <w:rFonts w:ascii="Helvetica Light" w:hAnsi="Helvetica Light" w:cs="Helvetica Light"/>
          <w:sz w:val="24"/>
          <w:sz-cs w:val="24"/>
        </w:rPr>
        <w:t xml:space="preserve">}{\plain \*\cs1 \tab JF: \tab It might be a correction, not to show aggressiveness in some way?\par</w:t>
      </w:r>
    </w:p>
    <w:p>
      <w:pPr/>
      <w:r>
        <w:rPr>
          <w:rFonts w:ascii="Helvetica Light" w:hAnsi="Helvetica Light" w:cs="Helvetica Light"/>
          <w:sz w:val="24"/>
          <w:sz-cs w:val="24"/>
        </w:rPr>
        <w:t xml:space="preserve">}{\plain \*\cs1 \tab MT:\tab Angry or anything, yes. German soldiers, not too many, but I remember twice or three </w:t>
      </w:r>
    </w:p>
    <w:p>
      <w:pPr/>
      <w:r>
        <w:rPr>
          <w:rFonts w:ascii="Helvetica Light" w:hAnsi="Helvetica Light" w:cs="Helvetica Light"/>
          <w:sz w:val="24"/>
          <w:sz-cs w:val="24"/>
        </w:rPr>
        <w:t xml:space="preserve">times, a single soldier walked in the church and he would make the sign of the cross in the German </w:t>
      </w:r>
    </w:p>
    <w:p>
      <w:pPr/>
      <w:r>
        <w:rPr>
          <w:rFonts w:ascii="Helvetica Light" w:hAnsi="Helvetica Light" w:cs="Helvetica Light"/>
          <w:sz w:val="24"/>
          <w:sz-cs w:val="24"/>
        </w:rPr>
        <w:t xml:space="preserve">way, using his thumb and making crosses on his forehead, his chest and arms, his shoulders, with his </w:t>
      </w:r>
    </w:p>
    <w:p>
      <w:pPr/>
      <w:r>
        <w:rPr>
          <w:rFonts w:ascii="Helvetica Light" w:hAnsi="Helvetica Light" w:cs="Helvetica Light"/>
          <w:sz w:val="24"/>
          <w:sz-cs w:val="24"/>
        </w:rPr>
        <w:t xml:space="preserve">thumb, and having that uniform on him.  I lifted my head to God and said, \'93God, why can\'92t he be </w:t>
      </w:r>
    </w:p>
    <w:p>
      <w:pPr/>
      <w:r>
        <w:rPr>
          <w:rFonts w:ascii="Helvetica Light" w:hAnsi="Helvetica Light" w:cs="Helvetica Light"/>
          <w:sz w:val="24"/>
          <w:sz-cs w:val="24"/>
        </w:rPr>
        <w:t xml:space="preserve">nicer to us when he leaves this house?\'94  We feared him in the church when he walked in, because that </w:t>
      </w:r>
    </w:p>
    <w:p>
      <w:pPr/>
      <w:r>
        <w:rPr>
          <w:rFonts w:ascii="Helvetica Light" w:hAnsi="Helvetica Light" w:cs="Helvetica Light"/>
          <w:sz w:val="24"/>
          <w:sz-cs w:val="24"/>
        </w:rPr>
        <w:t xml:space="preserve">was a deadly force that walked in. A force that had all the rights to life and death. It was all up to him. </w:t>
      </w:r>
    </w:p>
    <w:p>
      <w:pPr/>
      <w:r>
        <w:rPr>
          <w:rFonts w:ascii="Helvetica Light" w:hAnsi="Helvetica Light" w:cs="Helvetica Light"/>
          <w:sz w:val="24"/>
          <w:sz-cs w:val="24"/>
        </w:rPr>
        <w:t xml:space="preserve">Nobody else. No courts. He could decide right on the spot, yet he walked in, because perhaps he had </w:t>
      </w:r>
    </w:p>
    <w:p>
      <w:pPr/>
      <w:r>
        <w:rPr>
          <w:rFonts w:ascii="Helvetica Light" w:hAnsi="Helvetica Light" w:cs="Helvetica Light"/>
          <w:sz w:val="24"/>
          <w:sz-cs w:val="24"/>
        </w:rPr>
        <w:t xml:space="preserve">a family in Germany that he thought greatly of. But, yet, we didn\'92t mean anything. I never had </w:t>
      </w:r>
    </w:p>
    <w:p>
      <w:pPr/>
      <w:r>
        <w:rPr>
          <w:rFonts w:ascii="Helvetica Light" w:hAnsi="Helvetica Light" w:cs="Helvetica Light"/>
          <w:sz w:val="24"/>
          <w:sz-cs w:val="24"/>
        </w:rPr>
        <w:t xml:space="preserve">received one candy from any German soldier or one kind word when I was in Hungary. Because once </w:t>
      </w:r>
    </w:p>
    <w:p>
      <w:pPr/>
      <w:r>
        <w:rPr>
          <w:rFonts w:ascii="Helvetica Light" w:hAnsi="Helvetica Light" w:cs="Helvetica Light"/>
          <w:sz w:val="24"/>
          <w:sz-cs w:val="24"/>
        </w:rPr>
        <w:t xml:space="preserve">we were in Germany, it was something else.\par</w:t>
      </w:r>
    </w:p>
    <w:p>
      <w:pPr/>
      <w:r>
        <w:rPr>
          <w:rFonts w:ascii="Helvetica Light" w:hAnsi="Helvetica Light" w:cs="Helvetica Light"/>
          <w:sz w:val="24"/>
          <w:sz-cs w:val="24"/>
        </w:rPr>
        <w:t xml:space="preserve">}{\plain \*\cs1 After two weeks, like I said, they were put into the ghettos. Shortly after - I didn\'92t think they kept </w:t>
      </w:r>
    </w:p>
    <w:p>
      <w:pPr/>
      <w:r>
        <w:rPr>
          <w:rFonts w:ascii="Helvetica Light" w:hAnsi="Helvetica Light" w:cs="Helvetica Light"/>
          <w:sz w:val="24"/>
          <w:sz-cs w:val="24"/>
        </w:rPr>
        <w:t xml:space="preserve">Jews in ghetto more than two weeks - they were transported to Germany. Now, from that moment </w:t>
      </w:r>
    </w:p>
    <w:p>
      <w:pPr/>
      <w:r>
        <w:rPr>
          <w:rFonts w:ascii="Helvetica Light" w:hAnsi="Helvetica Light" w:cs="Helvetica Light"/>
          <w:sz w:val="24"/>
          <w:sz-cs w:val="24"/>
        </w:rPr>
        <w:t xml:space="preserve">when they were wearing their Star of David, the word went around that we are in trouble. The Poles </w:t>
      </w:r>
    </w:p>
    <w:p>
      <w:pPr/>
      <w:r>
        <w:rPr>
          <w:rFonts w:ascii="Helvetica Light" w:hAnsi="Helvetica Light" w:cs="Helvetica Light"/>
          <w:sz w:val="24"/>
          <w:sz-cs w:val="24"/>
        </w:rPr>
        <w:t xml:space="preserve">are in trouble, big trouble, because if in Hungary the Hungarian citizens are being singled out, we are </w:t>
      </w:r>
    </w:p>
    <w:p>
      <w:pPr/>
      <w:r>
        <w:rPr>
          <w:rFonts w:ascii="Helvetica Light" w:hAnsi="Helvetica Light" w:cs="Helvetica Light"/>
          <w:sz w:val="24"/>
          <w:sz-cs w:val="24"/>
        </w:rPr>
        <w:t xml:space="preserve">in terrible danger, terrible danger. I talked to my mother recently-- she said that she wanted the girls </w:t>
      </w:r>
    </w:p>
    <w:p>
      <w:pPr/>
      <w:r>
        <w:rPr>
          <w:rFonts w:ascii="Helvetica Light" w:hAnsi="Helvetica Light" w:cs="Helvetica Light"/>
          <w:sz w:val="24"/>
          <w:sz-cs w:val="24"/>
        </w:rPr>
        <w:t xml:space="preserve">that my younger brother was playing with, she wanted to take those two girls before they put them-- </w:t>
      </w:r>
    </w:p>
    <w:p>
      <w:pPr/>
      <w:r>
        <w:rPr>
          <w:rFonts w:ascii="Helvetica Light" w:hAnsi="Helvetica Light" w:cs="Helvetica Light"/>
          <w:sz w:val="24"/>
          <w:sz-cs w:val="24"/>
        </w:rPr>
        <w:t xml:space="preserve">when they start putting them in the ghetto, if her parents would allow us to take with us. But, then, </w:t>
      </w:r>
    </w:p>
    <w:p>
      <w:pPr/>
      <w:r>
        <w:rPr>
          <w:rFonts w:ascii="Helvetica Light" w:hAnsi="Helvetica Light" w:cs="Helvetica Light"/>
          <w:sz w:val="24"/>
          <w:sz-cs w:val="24"/>
        </w:rPr>
        <w:t xml:space="preserve">she said that she spread the word that she would like to take those kids, the uproar was such that we </w:t>
      </w:r>
    </w:p>
    <w:p>
      <w:pPr/>
      <w:r>
        <w:rPr>
          <w:rFonts w:ascii="Helvetica Light" w:hAnsi="Helvetica Light" w:cs="Helvetica Light"/>
          <w:sz w:val="24"/>
          <w:sz-cs w:val="24"/>
        </w:rPr>
        <w:t xml:space="preserve">knew what would happen to us if we take them.\par</w:t>
      </w:r>
    </w:p>
    <w:p>
      <w:pPr/>
      <w:r>
        <w:rPr>
          <w:rFonts w:ascii="Helvetica Light" w:hAnsi="Helvetica Light" w:cs="Helvetica Light"/>
          <w:sz w:val="24"/>
          <w:sz-cs w:val="24"/>
        </w:rPr>
        <w:t xml:space="preserve">}{\plain \*\cs1 \tab JF:\tab The uproar from home?\par</w:t>
      </w:r>
    </w:p>
    <w:p>
      <w:pPr/>
      <w:r>
        <w:rPr>
          <w:rFonts w:ascii="Helvetica Light" w:hAnsi="Helvetica Light" w:cs="Helvetica Light"/>
          <w:sz w:val="24"/>
          <w:sz-cs w:val="24"/>
        </w:rPr>
        <w:t xml:space="preserve">}{\plain \tab MT:\tab The Polish community. \'93Do you know what you are doing to us? Not to yourself. Do </w:t>
      </w:r>
    </w:p>
    <w:p>
      <w:pPr/>
      <w:r>
        <w:rPr>
          <w:rFonts w:ascii="Helvetica Light" w:hAnsi="Helvetica Light" w:cs="Helvetica Light"/>
          <w:sz w:val="24"/>
          <w:sz-cs w:val="24"/>
        </w:rPr>
        <w:t xml:space="preserve">you think about us?\'94 And also, \'93How do you know whether this will be better for you?\'94 I mean, </w:t>
      </w:r>
    </w:p>
    <w:p>
      <w:pPr/>
      <w:r>
        <w:rPr>
          <w:rFonts w:ascii="Helvetica Light" w:hAnsi="Helvetica Light" w:cs="Helvetica Light"/>
          <w:sz w:val="24"/>
          <w:sz-cs w:val="24"/>
        </w:rPr>
        <w:t xml:space="preserve">would that be better for them with us or with their own parents? Nobody knew actually that they are </w:t>
      </w:r>
    </w:p>
    <w:p>
      <w:pPr/>
      <w:r>
        <w:rPr>
          <w:rFonts w:ascii="Helvetica Light" w:hAnsi="Helvetica Light" w:cs="Helvetica Light"/>
          <w:sz w:val="24"/>
          <w:sz-cs w:val="24"/>
        </w:rPr>
        <w:t xml:space="preserve">going to be destroyed.\par</w:t>
      </w:r>
    </w:p>
    <w:p>
      <w:pPr/>
      <w:r>
        <w:rPr>
          <w:rFonts w:ascii="Helvetica Light" w:hAnsi="Helvetica Light" w:cs="Helvetica Light"/>
          <w:sz w:val="24"/>
          <w:sz-cs w:val="24"/>
        </w:rPr>
        <w:t xml:space="preserve">}{\plain \tab JF:\tab There was no...\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page </w:t>
      </w:r>
    </w:p>
    <w:p>
      <w:pPr/>
      <w:r>
        <w:rPr>
          <w:rFonts w:ascii="Helvetica Light" w:hAnsi="Helvetica Light" w:cs="Helvetica Light"/>
          <w:sz w:val="24"/>
          <w:sz-cs w:val="24"/>
        </w:rPr>
        <w:t xml:space="preserve">\sect \sectd \sbknone\headery288\footery1323 </w:t>
      </w:r>
    </w:p>
    <w:p>
      <w:pPr/>
      <w:r>
        <w:rPr>
          <w:rFonts w:ascii="Helvetica Light" w:hAnsi="Helvetica Light" w:cs="Helvetica Light"/>
          <w:sz w:val="24"/>
          <w:sz-cs w:val="24"/>
        </w:rPr>
        <w:t xml:space="preserve">{\header \pard \qr\sl0\tx0\tx0\tx720\tx1440\tx2160\tx2880\tx3600\tx4320\tx5040\tx5760\tx6480\tx7200\tx7920\tx8640\tx9360 </w:t>
      </w:r>
    </w:p>
    <w:p>
      <w:pPr/>
      <w:r>
        <w:rPr>
          <w:rFonts w:ascii="Helvetica Light" w:hAnsi="Helvetica Light" w:cs="Helvetica Light"/>
          <w:sz w:val="24"/>
          <w:sz-cs w:val="24"/>
        </w:rPr>
        <w:t xml:space="preserve">{\plain }{\plain \i MARIAN TURZANSKI [2-2-\chpgn ]}{\plain \i\fs20 \par }}</w:t>
      </w:r>
    </w:p>
    <w:p>
      <w:pPr/>
      <w:r>
        <w:rPr>
          <w:rFonts w:ascii="Helvetica Light" w:hAnsi="Helvetica Light" w:cs="Helvetica Light"/>
          <w:sz w:val="24"/>
          <w:sz-cs w:val="24"/>
        </w:rPr>
        <w:t xml:space="preserve">{\footer \pard \sl261\tx-156\tx0\tx0\tx720\tx1440\tx2160\tx2880\tx3600\tx4320\tx5040\tx5760\tx6480\tx7200\tx7920\tx8640\tx9360 </w:t>
      </w:r>
    </w:p>
    <w:p>
      <w:pPr/>
      <w:r>
        <w:rPr>
          <w:rFonts w:ascii="Helvetica Light" w:hAnsi="Helvetica Light" w:cs="Helvetica Light"/>
          <w:sz w:val="24"/>
          <w:sz-cs w:val="24"/>
        </w:rPr>
        <w:t xml:space="preserve">{\plain \*\cs1\fs20 }{\plain \*\cs1\i\fs20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qj\sl395\tx0\tx0\tx720\tx1440\tx2160\tx2880\tx3600\tx4320\tx5040\tx5760\tx6480\tx7200\tx7920\tx8640\tx9360 </w:t>
      </w:r>
    </w:p>
    <w:p>
      <w:pPr/>
      <w:r>
        <w:rPr>
          <w:rFonts w:ascii="Helvetica Light" w:hAnsi="Helvetica Light" w:cs="Helvetica Light"/>
          <w:sz w:val="24"/>
          <w:sz-cs w:val="24"/>
        </w:rPr>
        <w:t xml:space="preserve">{\plain }{\plain \i Tape two, side two:}{\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92re saying then that the Poles were unaware that the deportations of the Jews </w:t>
      </w:r>
    </w:p>
    <w:p>
      <w:pPr/>
      <w:r>
        <w:rPr>
          <w:rFonts w:ascii="Helvetica Light" w:hAnsi="Helvetica Light" w:cs="Helvetica Light"/>
          <w:sz w:val="24"/>
          <w:sz-cs w:val="24"/>
        </w:rPr>
        <w:t xml:space="preserve">meant death?\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Death. And Jews are unaware of it. That\'92s the sad part, because I remember these </w:t>
      </w:r>
    </w:p>
    <w:p>
      <w:pPr/>
      <w:r>
        <w:rPr>
          <w:rFonts w:ascii="Helvetica Light" w:hAnsi="Helvetica Light" w:cs="Helvetica Light"/>
          <w:sz w:val="24"/>
          <w:sz-cs w:val="24"/>
        </w:rPr>
        <w:t xml:space="preserve">people walking and nobody cried. They were just-- it was sad that they had to leave their homes. I </w:t>
      </w:r>
    </w:p>
    <w:p>
      <w:pPr/>
      <w:r>
        <w:rPr>
          <w:rFonts w:ascii="Helvetica Light" w:hAnsi="Helvetica Light" w:cs="Helvetica Light"/>
          <w:sz w:val="24"/>
          <w:sz-cs w:val="24"/>
        </w:rPr>
        <w:t xml:space="preserve">imagine that it was very sad. But there was nothing like that, \'93Oh my God, they are being killed.\'94  </w:t>
      </w:r>
    </w:p>
    <w:p>
      <w:pPr/>
      <w:r>
        <w:rPr>
          <w:rFonts w:ascii="Helvetica Light" w:hAnsi="Helvetica Light" w:cs="Helvetica Light"/>
          <w:sz w:val="24"/>
          <w:sz-cs w:val="24"/>
        </w:rPr>
        <w:t xml:space="preserve">Nothing like tha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None of your farther contacts with the underground government gave him any clues </w:t>
      </w:r>
    </w:p>
    <w:p>
      <w:pPr/>
      <w:r>
        <w:rPr>
          <w:rFonts w:ascii="Helvetica Light" w:hAnsi="Helvetica Light" w:cs="Helvetica Light"/>
          <w:sz w:val="24"/>
          <w:sz-cs w:val="24"/>
        </w:rPr>
        <w:t xml:space="preserve">as to what was happening in concentration camp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For some reason, when we were taken on the train, we still believed, at least my </w:t>
      </w:r>
    </w:p>
    <w:p>
      <w:pPr/>
      <w:r>
        <w:rPr>
          <w:rFonts w:ascii="Helvetica Light" w:hAnsi="Helvetica Light" w:cs="Helvetica Light"/>
          <w:sz w:val="24"/>
          <w:sz-cs w:val="24"/>
        </w:rPr>
        <w:t xml:space="preserve">parents believed, or maybe they just tried to pretend to us, that we are going to be alrigh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Do you think that your father knew?\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 don\'92t know, but I think he would have told me by now that he knew. The gypsies </w:t>
      </w:r>
    </w:p>
    <w:p>
      <w:pPr/>
      <w:r>
        <w:rPr>
          <w:rFonts w:ascii="Helvetica Light" w:hAnsi="Helvetica Light" w:cs="Helvetica Light"/>
          <w:sz w:val="24"/>
          <w:sz-cs w:val="24"/>
        </w:rPr>
        <w:t xml:space="preserve">went first in Hungary, I forgot about them, but there were gypsi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Did you know any gypsies in the area where you lived?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I knew one, I don\'92t remember his name anymore, but he was a very famous gypsy </w:t>
      </w:r>
    </w:p>
    <w:p>
      <w:pPr/>
      <w:r>
        <w:rPr>
          <w:rFonts w:ascii="Helvetica Light" w:hAnsi="Helvetica Light" w:cs="Helvetica Light"/>
          <w:sz w:val="24"/>
          <w:sz-cs w:val="24"/>
        </w:rPr>
        <w:t xml:space="preserve">in the town, and he would always walk around. They had axes that they always carried on their </w:t>
      </w:r>
    </w:p>
    <w:p>
      <w:pPr/>
      <w:r>
        <w:rPr>
          <w:rFonts w:ascii="Helvetica Light" w:hAnsi="Helvetica Light" w:cs="Helvetica Light"/>
          <w:sz w:val="24"/>
          <w:sz-cs w:val="24"/>
        </w:rPr>
        <w:t xml:space="preserve">shoulder because they used axes to make different dishes out of wood. That they were selling, and </w:t>
      </w:r>
    </w:p>
    <w:p>
      <w:pPr/>
      <w:r>
        <w:rPr>
          <w:rFonts w:ascii="Helvetica Light" w:hAnsi="Helvetica Light" w:cs="Helvetica Light"/>
          <w:sz w:val="24"/>
          <w:sz-cs w:val="24"/>
        </w:rPr>
        <w:t xml:space="preserve">it was legal for them to carry an ax as a gypsy, and gypsies would constantly stop in at our homes, </w:t>
      </w:r>
    </w:p>
    <w:p>
      <w:pPr/>
      <w:r>
        <w:rPr>
          <w:rFonts w:ascii="Helvetica Light" w:hAnsi="Helvetica Light" w:cs="Helvetica Light"/>
          <w:sz w:val="24"/>
          <w:sz-cs w:val="24"/>
        </w:rPr>
        <w:t xml:space="preserve">at everybody\'92s home, when they were eating at dinnertime in the evening. A whole bunch of gypsies </w:t>
      </w:r>
    </w:p>
    <w:p>
      <w:pPr/>
      <w:r>
        <w:rPr>
          <w:rFonts w:ascii="Helvetica Light" w:hAnsi="Helvetica Light" w:cs="Helvetica Light"/>
          <w:sz w:val="24"/>
          <w:sz-cs w:val="24"/>
        </w:rPr>
        <w:t xml:space="preserve">was very dangerous. You opened the door, and you had to watch everything in your house, because </w:t>
      </w:r>
    </w:p>
    <w:p>
      <w:pPr/>
      <w:r>
        <w:rPr>
          <w:rFonts w:ascii="Helvetica Light" w:hAnsi="Helvetica Light" w:cs="Helvetica Light"/>
          <w:sz w:val="24"/>
          <w:sz-cs w:val="24"/>
        </w:rPr>
        <w:t xml:space="preserve">one will talk to you and play on a violin, and the rest of the gang goes around the house and grabs </w:t>
      </w:r>
    </w:p>
    <w:p>
      <w:pPr/>
      <w:r>
        <w:rPr>
          <w:rFonts w:ascii="Helvetica Light" w:hAnsi="Helvetica Light" w:cs="Helvetica Light"/>
          <w:sz w:val="24"/>
          <w:sz-cs w:val="24"/>
        </w:rPr>
        <w:t xml:space="preserve">everything that they ca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I se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So gypsies were known to rob you blind. They lived in the mountains and caves they </w:t>
      </w:r>
    </w:p>
    <w:p>
      <w:pPr/>
      <w:r>
        <w:rPr>
          <w:rFonts w:ascii="Helvetica Light" w:hAnsi="Helvetica Light" w:cs="Helvetica Light"/>
          <w:sz w:val="24"/>
          <w:sz-cs w:val="24"/>
        </w:rPr>
        <w:t xml:space="preserve">did not live in the city, and we would go to the mountain to pick pine cones to heat the home. That </w:t>
      </w:r>
    </w:p>
    <w:p>
      <w:pPr/>
      <w:r>
        <w:rPr>
          <w:rFonts w:ascii="Helvetica Light" w:hAnsi="Helvetica Light" w:cs="Helvetica Light"/>
          <w:sz w:val="24"/>
          <w:sz-cs w:val="24"/>
        </w:rPr>
        <w:t xml:space="preserve">was a big thing for the Poles. We could not afford to buy anything else, so we would go and we </w:t>
      </w:r>
    </w:p>
    <w:p>
      <w:pPr/>
      <w:r>
        <w:rPr>
          <w:rFonts w:ascii="Helvetica Light" w:hAnsi="Helvetica Light" w:cs="Helvetica Light"/>
          <w:sz w:val="24"/>
          <w:sz-cs w:val="24"/>
        </w:rPr>
        <w:t xml:space="preserve">would take sacks and sacks, and fill them with cones and bring them home, on Sundays, on </w:t>
      </w:r>
    </w:p>
    <w:p>
      <w:pPr/>
      <w:r>
        <w:rPr>
          <w:rFonts w:ascii="Helvetica Light" w:hAnsi="Helvetica Light" w:cs="Helvetica Light"/>
          <w:sz w:val="24"/>
          <w:sz-cs w:val="24"/>
        </w:rPr>
        <w:t xml:space="preserve">weekends, when we had no school, we [unclear] home to heat the homes with pine cones, so we </w:t>
      </w:r>
    </w:p>
    <w:p>
      <w:pPr/>
      <w:r>
        <w:rPr>
          <w:rFonts w:ascii="Helvetica Light" w:hAnsi="Helvetica Light" w:cs="Helvetica Light"/>
          <w:sz w:val="24"/>
          <w:sz-cs w:val="24"/>
        </w:rPr>
        <w:t xml:space="preserve">would hit the gypsy territory, and we would see that their lifestyle was a little bit different, they were </w:t>
      </w:r>
    </w:p>
    <w:p>
      <w:pPr/>
      <w:r>
        <w:rPr>
          <w:rFonts w:ascii="Helvetica Light" w:hAnsi="Helvetica Light" w:cs="Helvetica Light"/>
          <w:sz w:val="24"/>
          <w:sz-cs w:val="24"/>
        </w:rPr>
        <w:t xml:space="preserve">a different type of people. Anyway, they took them. It was all in summertime and their king-- they </w:t>
      </w:r>
    </w:p>
    <w:p>
      <w:pPr/>
      <w:r>
        <w:rPr>
          <w:rFonts w:ascii="Helvetica Light" w:hAnsi="Helvetica Light" w:cs="Helvetica Light"/>
          <w:sz w:val="24"/>
          <w:sz-cs w:val="24"/>
        </w:rPr>
        <w:t xml:space="preserve">had a king that looked like a Buddha, a very fat man, had always something wrapping around his </w:t>
      </w:r>
    </w:p>
    <w:p>
      <w:pPr/>
      <w:r>
        <w:rPr>
          <w:rFonts w:ascii="Helvetica Light" w:hAnsi="Helvetica Light" w:cs="Helvetica Light"/>
          <w:sz w:val="24"/>
          <w:sz-cs w:val="24"/>
        </w:rPr>
        <w:t xml:space="preserve">waist. He was all naked, very fat and he had, like, four women around him, fanning him, I guess. They </w:t>
      </w:r>
    </w:p>
    <w:p>
      <w:pPr/>
      <w:r>
        <w:rPr>
          <w:rFonts w:ascii="Helvetica Light" w:hAnsi="Helvetica Light" w:cs="Helvetica Light"/>
          <w:sz w:val="24"/>
          <w:sz-cs w:val="24"/>
        </w:rPr>
        <w:t xml:space="preserve">were his harem or something, and they took whole bunch of them, maybe around a hundred gypsies, </w:t>
      </w:r>
    </w:p>
    <w:p>
      <w:pPr/>
      <w:r>
        <w:rPr>
          <w:rFonts w:ascii="Helvetica Light" w:hAnsi="Helvetica Light" w:cs="Helvetica Light"/>
          <w:sz w:val="24"/>
          <w:sz-cs w:val="24"/>
        </w:rPr>
        <w:t xml:space="preserve">maybe less - but they didn\'92t have much, they just had some horses and whatever. They took them on </w:t>
      </w:r>
    </w:p>
    <w:p>
      <w:pPr/>
      <w:r>
        <w:rPr>
          <w:rFonts w:ascii="Helvetica Light" w:hAnsi="Helvetica Light" w:cs="Helvetica Light"/>
          <w:sz w:val="24"/>
          <w:sz-cs w:val="24"/>
        </w:rPr>
        <w:t xml:space="preserve">wagons, horse-buggy thing. Shortly after, it\'92s the Jews that went. It was still in the time summer.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is is the summer, then, of 1944?\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1944. In the fall of \'9144 the Poles were rounded up and thrown into the ghetto. Not </w:t>
      </w:r>
    </w:p>
    <w:p>
      <w:pPr/>
      <w:r>
        <w:rPr>
          <w:rFonts w:ascii="Helvetica Light" w:hAnsi="Helvetica Light" w:cs="Helvetica Light"/>
          <w:sz w:val="24"/>
          <w:sz-cs w:val="24"/>
        </w:rPr>
        <w:t xml:space="preserve">the same ghetto as Jews were because we were a small group. We had like a study hall or something </w:t>
      </w:r>
    </w:p>
    <w:p>
      <w:pPr/>
      <w:r>
        <w:rPr>
          <w:rFonts w:ascii="Helvetica Light" w:hAnsi="Helvetica Light" w:cs="Helvetica Light"/>
          <w:sz w:val="24"/>
          <w:sz-cs w:val="24"/>
        </w:rPr>
        <w:t xml:space="preserve">they were renting for Poles where they played chess and so forth. That\'92s where they gathered us, it </w:t>
      </w:r>
    </w:p>
    <w:p>
      <w:pPr/>
      <w:r>
        <w:rPr>
          <w:rFonts w:ascii="Helvetica Light" w:hAnsi="Helvetica Light" w:cs="Helvetica Light"/>
          <w:sz w:val="24"/>
          <w:sz-cs w:val="24"/>
        </w:rPr>
        <w:t xml:space="preserve">was one big mansion, I think, at one tim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y gathered you in this mansion in the fall of 1944?\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n this mansion they put us all Poles in there. Now, as a youngster my experience was </w:t>
      </w:r>
    </w:p>
    <w:p>
      <w:pPr/>
      <w:r>
        <w:rPr>
          <w:rFonts w:ascii="Helvetica Light" w:hAnsi="Helvetica Light" w:cs="Helvetica Light"/>
          <w:sz w:val="24"/>
          <w:sz-cs w:val="24"/>
        </w:rPr>
        <w:t xml:space="preserve">that they came from one house to another and they arrested everybody in the house, took them out </w:t>
      </w:r>
    </w:p>
    <w:p>
      <w:pPr/>
      <w:r>
        <w:rPr>
          <w:rFonts w:ascii="Helvetica Light" w:hAnsi="Helvetica Light" w:cs="Helvetica Light"/>
          <w:sz w:val="24"/>
          <w:sz-cs w:val="24"/>
        </w:rPr>
        <w:t xml:space="preserve">on the street and walked us under guard to the next house where the Poles lived,}{\plain \*\cs1 }{\plain \*\cs1\sub  }{\plain \sub }{\plain so you could not </w:t>
      </w:r>
    </w:p>
    <w:p>
      <w:pPr/>
      <w:r>
        <w:rPr>
          <w:rFonts w:ascii="Helvetica Light" w:hAnsi="Helvetica Light" w:cs="Helvetica Light"/>
          <w:sz w:val="24"/>
          <w:sz-cs w:val="24"/>
        </w:rPr>
        <w:t xml:space="preserve">give signals or anyth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o was doing thi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ose were the German soldiers. And Hungarians. Both. The Hungarians, I guess, </w:t>
      </w:r>
    </w:p>
    <w:p>
      <w:pPr/>
      <w:r>
        <w:rPr>
          <w:rFonts w:ascii="Helvetica Light" w:hAnsi="Helvetica Light" w:cs="Helvetica Light"/>
          <w:sz w:val="24"/>
          <w:sz-cs w:val="24"/>
        </w:rPr>
        <w:t xml:space="preserve">knew where we lived, and the Germans made sure that it was done. Then they put us into that place, </w:t>
      </w:r>
    </w:p>
    <w:p>
      <w:pPr/>
      <w:r>
        <w:rPr>
          <w:rFonts w:ascii="Helvetica Light" w:hAnsi="Helvetica Light" w:cs="Helvetica Light"/>
          <w:sz w:val="24"/>
          <w:sz-cs w:val="24"/>
        </w:rPr>
        <w:t xml:space="preserve">though, it was only German soldiers that guarded us. They did not trust, maybe, Hungarians. Perhaps </w:t>
      </w:r>
    </w:p>
    <w:p>
      <w:pPr/>
      <w:r>
        <w:rPr>
          <w:rFonts w:ascii="Helvetica Light" w:hAnsi="Helvetica Light" w:cs="Helvetica Light"/>
          <w:sz w:val="24"/>
          <w:sz-cs w:val="24"/>
        </w:rPr>
        <w:t xml:space="preserve">they felt that some Hungarians were too friendly with us prior to this, prior to the arrests, and there </w:t>
      </w:r>
    </w:p>
    <w:p>
      <w:pPr/>
      <w:r>
        <w:rPr>
          <w:rFonts w:ascii="Helvetica Light" w:hAnsi="Helvetica Light" w:cs="Helvetica Light"/>
          <w:sz w:val="24"/>
          <w:sz-cs w:val="24"/>
        </w:rPr>
        <w:t xml:space="preserve">might be something.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y might have some feeling for you.\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I don\'92t remember, for some reason I have so many blanks in my mind, I\'92ve often </w:t>
      </w:r>
    </w:p>
    <w:p>
      <w:pPr/>
      <w:r>
        <w:rPr>
          <w:rFonts w:ascii="Helvetica Light" w:hAnsi="Helvetica Light" w:cs="Helvetica Light"/>
          <w:sz w:val="24"/>
          <w:sz-cs w:val="24"/>
        </w:rPr>
        <w:t xml:space="preserve">tried to figure out why I am scared to ask my parents. Because each time that I do that it is opening </w:t>
      </w:r>
    </w:p>
    <w:p>
      <w:pPr/>
      <w:r>
        <w:rPr>
          <w:rFonts w:ascii="Helvetica Light" w:hAnsi="Helvetica Light" w:cs="Helvetica Light"/>
          <w:sz w:val="24"/>
          <w:sz-cs w:val="24"/>
        </w:rPr>
        <w:t xml:space="preserve">a wound, and then I feel so terrible for such a long time because I know that they feel terrible and I </w:t>
      </w:r>
    </w:p>
    <w:p>
      <w:pPr/>
      <w:r>
        <w:rPr>
          <w:rFonts w:ascii="Helvetica Light" w:hAnsi="Helvetica Light" w:cs="Helvetica Light"/>
          <w:sz w:val="24"/>
          <w:sz-cs w:val="24"/>
        </w:rPr>
        <w:t xml:space="preserve">hate to go and visit them to give them a load, to cheer them up; here comes your son and then leave </w:t>
      </w:r>
    </w:p>
    <w:p>
      <w:pPr/>
      <w:r>
        <w:rPr>
          <w:rFonts w:ascii="Helvetica Light" w:hAnsi="Helvetica Light" w:cs="Helvetica Light"/>
          <w:sz w:val="24"/>
          <w:sz-cs w:val="24"/>
        </w:rPr>
        <w:t xml:space="preserve">them in such agony.  But I remember my friend Lotsie [phonetic], Louie, Hungarian. We lived in the </w:t>
      </w:r>
    </w:p>
    <w:p>
      <w:pPr/>
      <w:r>
        <w:rPr>
          <w:rFonts w:ascii="Helvetica Light" w:hAnsi="Helvetica Light" w:cs="Helvetica Light"/>
          <w:sz w:val="24"/>
          <w:sz-cs w:val="24"/>
        </w:rPr>
        <w:t xml:space="preserve">same building. They were occupying the first floor and we were occupying the second floor in that </w:t>
      </w:r>
    </w:p>
    <w:p>
      <w:pPr/>
      <w:r>
        <w:rPr>
          <w:rFonts w:ascii="Helvetica Light" w:hAnsi="Helvetica Light" w:cs="Helvetica Light"/>
          <w:sz w:val="24"/>
          <w:sz-cs w:val="24"/>
        </w:rPr>
        <w:t xml:space="preserve">building that my parents were renting. He was also renting that place. And his father was sailmaker, </w:t>
      </w:r>
    </w:p>
    <w:p>
      <w:pPr/>
      <w:r>
        <w:rPr>
          <w:rFonts w:ascii="Helvetica Light" w:hAnsi="Helvetica Light" w:cs="Helvetica Light"/>
          <w:sz w:val="24"/>
          <w:sz-cs w:val="24"/>
        </w:rPr>
        <w:t xml:space="preserve">for sailboats. He was very good friend of ours. As a matter of fact, we spent more time in his place </w:t>
      </w:r>
    </w:p>
    <w:p>
      <w:pPr/>
      <w:r>
        <w:rPr>
          <w:rFonts w:ascii="Helvetica Light" w:hAnsi="Helvetica Light" w:cs="Helvetica Light"/>
          <w:sz w:val="24"/>
          <w:sz-cs w:val="24"/>
        </w:rPr>
        <w:t xml:space="preserve">than ours. When my parents needed us, they always went down and got us. When they took us into </w:t>
      </w:r>
    </w:p>
    <w:p>
      <w:pPr/>
      <w:r>
        <w:rPr>
          <w:rFonts w:ascii="Helvetica Light" w:hAnsi="Helvetica Light" w:cs="Helvetica Light"/>
          <w:sz w:val="24"/>
          <w:sz-cs w:val="24"/>
        </w:rPr>
        <w:t xml:space="preserve">that what I call a prison, one morning I saw Lotsie at the fence. It was all fenced in, iron fence, real </w:t>
      </w:r>
    </w:p>
    <w:p>
      <w:pPr/>
      <w:r>
        <w:rPr>
          <w:rFonts w:ascii="Helvetica Light" w:hAnsi="Helvetica Light" w:cs="Helvetica Light"/>
          <w:sz w:val="24"/>
          <w:sz-cs w:val="24"/>
        </w:rPr>
        <w:t xml:space="preserve">big fence. The property was all fenced in. And I went up to him. \'93Lotsie,\'94 and he went away from </w:t>
      </w:r>
    </w:p>
    <w:p>
      <w:pPr/>
      <w:r>
        <w:rPr>
          <w:rFonts w:ascii="Helvetica Light" w:hAnsi="Helvetica Light" w:cs="Helvetica Light"/>
          <w:sz w:val="24"/>
          <w:sz-cs w:val="24"/>
        </w:rPr>
        <w:t xml:space="preserve">the fence before I got there. I\'92m sure he cried. When he went away, that he was not allowed to have </w:t>
      </w:r>
    </w:p>
    <w:p>
      <w:pPr/>
      <w:r>
        <w:rPr>
          <w:rFonts w:ascii="Helvetica Light" w:hAnsi="Helvetica Light" w:cs="Helvetica Light"/>
          <w:sz w:val="24"/>
          <w:sz-cs w:val="24"/>
        </w:rPr>
        <w:t xml:space="preserve">any deals with us. At that time I didn\'92t understand but it hurt so much; it hurt so much that my best </w:t>
      </w:r>
    </w:p>
    <w:p>
      <w:pPr/>
      <w:r>
        <w:rPr>
          <w:rFonts w:ascii="Helvetica Light" w:hAnsi="Helvetica Light" w:cs="Helvetica Light"/>
          <w:sz w:val="24"/>
          <w:sz-cs w:val="24"/>
        </w:rPr>
        <w:t xml:space="preserve">friend, my best friend in the whole world would not speak to me anymore. He ran away. From then </w:t>
      </w:r>
    </w:p>
    <w:p>
      <w:pPr/>
      <w:r>
        <w:rPr>
          <w:rFonts w:ascii="Helvetica Light" w:hAnsi="Helvetica Light" w:cs="Helvetica Light"/>
          <w:sz w:val="24"/>
          <w:sz-cs w:val="24"/>
        </w:rPr>
        <w:t xml:space="preserve">on I never saw him anymore. But we did not stay there that long. (pause) So then, a few days later, </w:t>
      </w:r>
    </w:p>
    <w:p>
      <w:pPr/>
      <w:r>
        <w:rPr>
          <w:rFonts w:ascii="Helvetica Light" w:hAnsi="Helvetica Light" w:cs="Helvetica Light"/>
          <w:sz w:val="24"/>
          <w:sz-cs w:val="24"/>
        </w:rPr>
        <w:t xml:space="preserve">they started to prepare us to evacuate from that building to the railroad statio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ere did you think you were going to go? \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We were going to Germany to the camps.  That\'92s what I was told, to work. For work.\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 What do you think your parents thought? Do you think they believed that?\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At that time, looking at it now, they must have believed it, because we already heard </w:t>
      </w:r>
    </w:p>
    <w:p>
      <w:pPr/>
      <w:r>
        <w:rPr>
          <w:rFonts w:ascii="Helvetica Light" w:hAnsi="Helvetica Light" w:cs="Helvetica Light"/>
          <w:sz w:val="24"/>
          <w:sz-cs w:val="24"/>
        </w:rPr>
        <w:t xml:space="preserve">the Russian guns at t distance and they chose Germany instead of being caught by the Russians. So </w:t>
      </w:r>
    </w:p>
    <w:p>
      <w:pPr/>
      <w:r>
        <w:rPr>
          <w:rFonts w:ascii="Helvetica Light" w:hAnsi="Helvetica Light" w:cs="Helvetica Light"/>
          <w:sz w:val="24"/>
          <w:sz-cs w:val="24"/>
        </w:rPr>
        <w:t xml:space="preserve">that actually what they did is choose the better from two evils. I believe they trusted the Germans </w:t>
      </w:r>
    </w:p>
    <w:p>
      <w:pPr/>
      <w:r>
        <w:rPr>
          <w:rFonts w:ascii="Helvetica Light" w:hAnsi="Helvetica Light" w:cs="Helvetica Light"/>
          <w:sz w:val="24"/>
          <w:sz-cs w:val="24"/>
        </w:rPr>
        <w:t xml:space="preserve">more than they trusted the Russians. I believe they felt the Germans were more intelligent individuals, </w:t>
      </w:r>
    </w:p>
    <w:p>
      <w:pPr/>
      <w:r>
        <w:rPr>
          <w:rFonts w:ascii="Helvetica Light" w:hAnsi="Helvetica Light" w:cs="Helvetica Light"/>
          <w:sz w:val="24"/>
          <w:sz-cs w:val="24"/>
        </w:rPr>
        <w:t xml:space="preserve">civilized than the eastern Russian hordes There were terrible stories about Russians from the First </w:t>
      </w:r>
    </w:p>
    <w:p>
      <w:pPr/>
      <w:r>
        <w:rPr>
          <w:rFonts w:ascii="Helvetica Light" w:hAnsi="Helvetica Light" w:cs="Helvetica Light"/>
          <w:sz w:val="24"/>
          <w:sz-cs w:val="24"/>
        </w:rPr>
        <w:t xml:space="preserve">World War, how they were raping young women and doing whatever they wished to with everybody. </w:t>
      </w:r>
    </w:p>
    <w:p>
      <w:pPr/>
      <w:r>
        <w:rPr>
          <w:rFonts w:ascii="Helvetica Light" w:hAnsi="Helvetica Light" w:cs="Helvetica Light"/>
          <w:sz w:val="24"/>
          <w:sz-cs w:val="24"/>
        </w:rPr>
        <w:t xml:space="preserve">We were not girls, but parents still didn\'92t want to face that enemy.\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At this time you were 11 years old.\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I was 11 and th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had an older brother who was 12. And your younger two brothers wer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 think it\'92s about a one year difference. So then my younger one was 10 and my </w:t>
      </w:r>
    </w:p>
    <w:p>
      <w:pPr/>
      <w:r>
        <w:rPr>
          <w:rFonts w:ascii="Helvetica Light" w:hAnsi="Helvetica Light" w:cs="Helvetica Light"/>
          <w:sz w:val="24"/>
          <w:sz-cs w:val="24"/>
        </w:rPr>
        <w:t xml:space="preserve">youngest one was-- He was born in \'9139. So he was five. My oldest brother was born in \'9132 and I was </w:t>
      </w:r>
    </w:p>
    <w:p>
      <w:pPr/>
      <w:r>
        <w:rPr>
          <w:rFonts w:ascii="Helvetica Light" w:hAnsi="Helvetica Light" w:cs="Helvetica Light"/>
          <w:sz w:val="24"/>
          <w:sz-cs w:val="24"/>
        </w:rPr>
        <w:t xml:space="preserve">born in \'9134, but he was born in November \'9132 and I was born in January \'9134, so that gives us only </w:t>
      </w:r>
    </w:p>
    <w:p>
      <w:pPr/>
      <w:r>
        <w:rPr>
          <w:rFonts w:ascii="Helvetica Light" w:hAnsi="Helvetica Light" w:cs="Helvetica Light"/>
          <w:sz w:val="24"/>
          <w:sz-cs w:val="24"/>
        </w:rPr>
        <w:t xml:space="preserve">two years apart. Right? And my younger brother was born in \'9136 and then \'9139 the youngest. Now </w:t>
      </w:r>
    </w:p>
    <w:p>
      <w:pPr/>
      <w:r>
        <w:rPr>
          <w:rFonts w:ascii="Helvetica Light" w:hAnsi="Helvetica Light" w:cs="Helvetica Light"/>
          <w:sz w:val="24"/>
          <w:sz-cs w:val="24"/>
        </w:rPr>
        <w:t xml:space="preserve">prior to that, they were taking, arresting, after they sent the Jews out to Germany in the summertime, </w:t>
      </w:r>
    </w:p>
    <w:p>
      <w:pPr/>
      <w:r>
        <w:rPr>
          <w:rFonts w:ascii="Helvetica Light" w:hAnsi="Helvetica Light" w:cs="Helvetica Light"/>
          <w:sz w:val="24"/>
          <w:sz-cs w:val="24"/>
        </w:rPr>
        <w:t xml:space="preserve">they started to arrest the Polish male, including young boys from age of 12 and over, to walk to </w:t>
      </w:r>
    </w:p>
    <w:p>
      <w:pPr/>
      <w:r>
        <w:rPr>
          <w:rFonts w:ascii="Helvetica Light" w:hAnsi="Helvetica Light" w:cs="Helvetica Light"/>
          <w:sz w:val="24"/>
          <w:sz-cs w:val="24"/>
        </w:rPr>
        <w:t xml:space="preserve">Germany.  My father, at that time, and my brother were hiding. We were hid˝ˇˇˇ</w:t>
        <w:tab/>
        <w:t xml:space="preserve"/>
      </w:r>
    </w:p>
    <w:p>
      <w:pPr/>
      <w:r>
        <w:rPr>
          <w:rFonts w:ascii="Helvetica Light" w:hAnsi="Helvetica Light" w:cs="Helvetica Light"/>
          <w:sz w:val="24"/>
          <w:sz-cs w:val="24"/>
        </w:rPr>
        <w:t xml:space="preserve"/>
        <w:br w:type="page"/>
        <w:t xml:space="preserve"/>
      </w:r>
    </w:p>
    <w:p>
      <w:pPr/>
      <w:r>
        <w:rPr>
          <w:rFonts w:ascii="Helvetica Light" w:hAnsi="Helvetica Light" w:cs="Helvetica Light"/>
          <w:sz w:val="24"/>
          <w:sz-cs w:val="24"/>
        </w:rPr>
        <w:t xml:space="preserve"> !"#$%&amp;'()*+,-./0123456789:;&lt;=&gt;?@ABCDEFGHIJKM˝ˇˇˇNOPQRSTUVWXYZ[\]^_`abcdefghijklmnopqrstuvwxyz{|}~Åing them in the basement </w:t>
      </w:r>
    </w:p>
    <w:p>
      <w:pPr/>
      <w:r>
        <w:rPr>
          <w:rFonts w:ascii="Helvetica Light" w:hAnsi="Helvetica Light" w:cs="Helvetica Light"/>
          <w:sz w:val="24"/>
          <w:sz-cs w:val="24"/>
        </w:rPr>
        <w:t xml:space="preserve">behind a pile of wood to be used in the furnace. We formed like a little hideout for them and they </w:t>
      </w:r>
    </w:p>
    <w:p>
      <w:pPr/>
      <w:r>
        <w:rPr>
          <w:rFonts w:ascii="Helvetica Light" w:hAnsi="Helvetica Light" w:cs="Helvetica Light"/>
          <w:sz w:val="24"/>
          <w:sz-cs w:val="24"/>
        </w:rPr>
        <w:t xml:space="preserve">stayed there until the men were removed from our territor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r father and your brother?\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My father and my brother were hiding. My mother didn\'92t want to let them go. \'93No </w:t>
      </w:r>
    </w:p>
    <w:p>
      <w:pPr/>
      <w:r>
        <w:rPr>
          <w:rFonts w:ascii="Helvetica Light" w:hAnsi="Helvetica Light" w:cs="Helvetica Light"/>
          <w:sz w:val="24"/>
          <w:sz-cs w:val="24"/>
        </w:rPr>
        <w:t xml:space="preserve">way,\'94 she said, \'93whatever happens we will go together.\'94 So, shortly after, they went through all the </w:t>
      </w:r>
    </w:p>
    <w:p>
      <w:pPr/>
      <w:r>
        <w:rPr>
          <w:rFonts w:ascii="Helvetica Light" w:hAnsi="Helvetica Light" w:cs="Helvetica Light"/>
          <w:sz w:val="24"/>
          <w:sz-cs w:val="24"/>
        </w:rPr>
        <w:t xml:space="preserve">homes and they arrested everybody, like I was mentioning before. They took us all out into the </w:t>
      </w:r>
    </w:p>
    <w:p>
      <w:pPr/>
      <w:r>
        <w:rPr>
          <w:rFonts w:ascii="Helvetica Light" w:hAnsi="Helvetica Light" w:cs="Helvetica Light"/>
          <w:sz w:val="24"/>
          <w:sz-cs w:val="24"/>
        </w:rPr>
        <w:t xml:space="preserve">ghetto. So now we were ready to go to the railroad station. A lot of men are gone already. Younger </w:t>
      </w:r>
    </w:p>
    <w:p>
      <w:pPr/>
      <w:r>
        <w:rPr>
          <w:rFonts w:ascii="Helvetica Light" w:hAnsi="Helvetica Light" w:cs="Helvetica Light"/>
          <w:sz w:val="24"/>
          <w:sz-cs w:val="24"/>
        </w:rPr>
        <w:t xml:space="preserve">and younger boys. A lot of women are left behind. A lot of old women and childr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y were just left? They were just not picked up?\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The first group of males had to walk to Germany because they were able to. It was </w:t>
      </w:r>
    </w:p>
    <w:p>
      <w:pPr/>
      <w:r>
        <w:rPr>
          <w:rFonts w:ascii="Helvetica Light" w:hAnsi="Helvetica Light" w:cs="Helvetica Light"/>
          <w:sz w:val="24"/>
          <w:sz-cs w:val="24"/>
        </w:rPr>
        <w:t xml:space="preserve">tough, the way we picture, walking all the way to Germany. Half of them will die on the way. So they </w:t>
      </w:r>
    </w:p>
    <w:p>
      <w:pPr/>
      <w:r>
        <w:rPr>
          <w:rFonts w:ascii="Helvetica Light" w:hAnsi="Helvetica Light" w:cs="Helvetica Light"/>
          <w:sz w:val="24"/>
          <w:sz-cs w:val="24"/>
        </w:rPr>
        <w:t xml:space="preserve">took us.  So now comes this moment of leaving the ghetto, home, for the railroad station. The last </w:t>
      </w:r>
    </w:p>
    <w:p>
      <w:pPr/>
      <w:r>
        <w:rPr>
          <w:rFonts w:ascii="Helvetica Light" w:hAnsi="Helvetica Light" w:cs="Helvetica Light"/>
          <w:sz w:val="24"/>
          <w:sz-cs w:val="24"/>
        </w:rPr>
        <w:t xml:space="preserve">hurrah. We are trying to take everything dearest to us with us. The dearest thing that I had was a </w:t>
      </w:r>
    </w:p>
    <w:p>
      <w:pPr/>
      <w:r>
        <w:rPr>
          <w:rFonts w:ascii="Helvetica Light" w:hAnsi="Helvetica Light" w:cs="Helvetica Light"/>
          <w:sz w:val="24"/>
          <w:sz-cs w:val="24"/>
        </w:rPr>
        <w:t xml:space="preserve">stamp collection. A lot of those stamps were the latest stamps of Hitler, the latest issues of Hitler, but, </w:t>
      </w:r>
    </w:p>
    <w:p>
      <w:pPr/>
      <w:r>
        <w:rPr>
          <w:rFonts w:ascii="Helvetica Light" w:hAnsi="Helvetica Light" w:cs="Helvetica Light"/>
          <w:sz w:val="24"/>
          <w:sz-cs w:val="24"/>
        </w:rPr>
        <w:t xml:space="preserve">yet, as a stamp collector, to me, it meant a treasure because I had a full set of each issue and they </w:t>
      </w:r>
    </w:p>
    <w:p>
      <w:pPr/>
      <w:r>
        <w:rPr>
          <w:rFonts w:ascii="Helvetica Light" w:hAnsi="Helvetica Light" w:cs="Helvetica Light"/>
          <w:sz w:val="24"/>
          <w:sz-cs w:val="24"/>
        </w:rPr>
        <w:t xml:space="preserve">were beau\-tiful. Hitler stamps were large and colorful. The other stamps were not as pretty. These </w:t>
      </w:r>
    </w:p>
    <w:p>
      <w:pPr/>
      <w:r>
        <w:rPr>
          <w:rFonts w:ascii="Helvetica Light" w:hAnsi="Helvetica Light" w:cs="Helvetica Light"/>
          <w:sz w:val="24"/>
          <w:sz-cs w:val="24"/>
        </w:rPr>
        <w:t xml:space="preserve">were extremely large for that time. They were like an inch and a half by two inches. Stamps. So, I had </w:t>
      </w:r>
    </w:p>
    <w:p>
      <w:pPr/>
      <w:r>
        <w:rPr>
          <w:rFonts w:ascii="Helvetica Light" w:hAnsi="Helvetica Light" w:cs="Helvetica Light"/>
          <w:sz w:val="24"/>
          <w:sz-cs w:val="24"/>
        </w:rPr>
        <w:t xml:space="preserve">all kinds of stamps; Hungarian stamps and French stamps and English stamps, and I was exchanging </w:t>
      </w:r>
    </w:p>
    <w:p>
      <w:pPr/>
      <w:r>
        <w:rPr>
          <w:rFonts w:ascii="Helvetica Light" w:hAnsi="Helvetica Light" w:cs="Helvetica Light"/>
          <w:sz w:val="24"/>
          <w:sz-cs w:val="24"/>
        </w:rPr>
        <w:t xml:space="preserve">with Hungarian boys who collected stamps. It was a big hobby. There was no drugs that we played </w:t>
      </w:r>
    </w:p>
    <w:p>
      <w:pPr/>
      <w:r>
        <w:rPr>
          <w:rFonts w:ascii="Helvetica Light" w:hAnsi="Helvetica Light" w:cs="Helvetica Light"/>
          <w:sz w:val="24"/>
          <w:sz-cs w:val="24"/>
        </w:rPr>
        <w:t xml:space="preserve">around with. We were much too young to think about women, so we collected stamps. It was a big </w:t>
      </w:r>
    </w:p>
    <w:p>
      <w:pPr/>
      <w:r>
        <w:rPr>
          <w:rFonts w:ascii="Helvetica Light" w:hAnsi="Helvetica Light" w:cs="Helvetica Light"/>
          <w:sz w:val="24"/>
          <w:sz-cs w:val="24"/>
        </w:rPr>
        <w:t xml:space="preserve">hobby, and it was something  that we got deeply involved in. So, I had these two or three books of </w:t>
      </w:r>
    </w:p>
    <w:p>
      <w:pPr/>
      <w:r>
        <w:rPr>
          <w:rFonts w:ascii="Helvetica Light" w:hAnsi="Helvetica Light" w:cs="Helvetica Light"/>
          <w:sz w:val="24"/>
          <w:sz-cs w:val="24"/>
        </w:rPr>
        <w:t xml:space="preserve">stamps, and I was carrying them under my arms, and this German soldier kicked me, and the stamps </w:t>
      </w:r>
    </w:p>
    <w:p>
      <w:pPr/>
      <w:r>
        <w:rPr>
          <w:rFonts w:ascii="Helvetica Light" w:hAnsi="Helvetica Light" w:cs="Helvetica Light"/>
          <w:sz w:val="24"/>
          <w:sz-cs w:val="24"/>
        </w:rPr>
        <w:t xml:space="preserve">fell out of the books from under my arm. So I started grabbing them, and he put his foot on it. I was </w:t>
      </w:r>
    </w:p>
    <w:p>
      <w:pPr/>
      <w:r>
        <w:rPr>
          <w:rFonts w:ascii="Helvetica Light" w:hAnsi="Helvetica Light" w:cs="Helvetica Light"/>
          <w:sz w:val="24"/>
          <w:sz-cs w:val="24"/>
        </w:rPr>
        <w:t xml:space="preserve">not allowed to. So I grabbed one from under his foot. Big foot, big boots. Very big boots. </w:t>
      </w:r>
    </w:p>
    <w:p>
      <w:pPr/>
      <w:r>
        <w:rPr>
          <w:rFonts w:ascii="Helvetica Light" w:hAnsi="Helvetica Light" w:cs="Helvetica Light"/>
          <w:sz w:val="24"/>
          <w:sz-cs w:val="24"/>
        </w:rPr>
        <w:t xml:space="preserve">Wintertime. And I started tearing up the stamp collection, crying and tearing it up. Well, one good </w:t>
      </w:r>
    </w:p>
    <w:p>
      <w:pPr/>
      <w:r>
        <w:rPr>
          <w:rFonts w:ascii="Helvetica Light" w:hAnsi="Helvetica Light" w:cs="Helvetica Light"/>
          <w:sz w:val="24"/>
          <w:sz-cs w:val="24"/>
        </w:rPr>
        <w:t xml:space="preserve">kick in my butt made me fly and that was all left behind. For some reason, that was the most </w:t>
      </w:r>
    </w:p>
    <w:p>
      <w:pPr/>
      <w:r>
        <w:rPr>
          <w:rFonts w:ascii="Helvetica Light" w:hAnsi="Helvetica Light" w:cs="Helvetica Light"/>
          <w:sz w:val="24"/>
          <w:sz-cs w:val="24"/>
        </w:rPr>
        <w:t xml:space="preserve">important thing to me at that moment. My parents probably thought about what\'92s going to happen </w:t>
      </w:r>
    </w:p>
    <w:p>
      <w:pPr/>
      <w:r>
        <w:rPr>
          <w:rFonts w:ascii="Helvetica Light" w:hAnsi="Helvetica Light" w:cs="Helvetica Light"/>
          <w:sz w:val="24"/>
          <w:sz-cs w:val="24"/>
        </w:rPr>
        <w:t xml:space="preserve">to us. I was thinking about my stamp collection. I had spent two years probably collecting it, or a year </w:t>
      </w:r>
    </w:p>
    <w:p>
      <w:pPr/>
      <w:r>
        <w:rPr>
          <w:rFonts w:ascii="Helvetica Light" w:hAnsi="Helvetica Light" w:cs="Helvetica Light"/>
          <w:sz w:val="24"/>
          <w:sz-cs w:val="24"/>
        </w:rPr>
        <w:t xml:space="preserve">and a half, or a year...\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In tearing it up, what were you feeling?\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I didn\'92t want him, them, to have my treasure. I wanted to destroy. If I can\'92t have it, </w:t>
      </w:r>
    </w:p>
    <w:p>
      <w:pPr/>
      <w:r>
        <w:rPr>
          <w:rFonts w:ascii="Helvetica Light" w:hAnsi="Helvetica Light" w:cs="Helvetica Light"/>
          <w:sz w:val="24"/>
          <w:sz-cs w:val="24"/>
        </w:rPr>
        <w:t xml:space="preserve">I will not allow you to enjoy my pleasure, and I felt good about the few pages that I ripped up. That </w:t>
      </w:r>
    </w:p>
    <w:p>
      <w:pPr/>
      <w:r>
        <w:rPr>
          <w:rFonts w:ascii="Helvetica Light" w:hAnsi="Helvetica Light" w:cs="Helvetica Light"/>
          <w:sz w:val="24"/>
          <w:sz-cs w:val="24"/>
        </w:rPr>
        <w:t xml:space="preserve">ended right there. We were allowed to take one, like a box of goodies, goodies of our clothes and </w:t>
      </w:r>
    </w:p>
    <w:p>
      <w:pPr/>
      <w:r>
        <w:rPr>
          <w:rFonts w:ascii="Helvetica Light" w:hAnsi="Helvetica Light" w:cs="Helvetica Light"/>
          <w:sz w:val="24"/>
          <w:sz-cs w:val="24"/>
        </w:rPr>
        <w:t xml:space="preserve">so forth, for the whole family. It was like a basket type. What would you call it? A basket type?\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Like a wicker basket?\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Yes, wicker, it was quite large, like a desk siz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Like a hamper? A wicker hamp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Like a hamper. It was rectangular. I would say it was not quite a yard in width and </w:t>
      </w:r>
    </w:p>
    <w:p>
      <w:pPr/>
      <w:r>
        <w:rPr>
          <w:rFonts w:ascii="Helvetica Light" w:hAnsi="Helvetica Light" w:cs="Helvetica Light"/>
          <w:sz w:val="24"/>
          <w:sz-cs w:val="24"/>
        </w:rPr>
        <w:t xml:space="preserve">maybe 2 yards in length, and maybe another yard in height. And we put our things in it. Now, prior </w:t>
      </w:r>
    </w:p>
    <w:p>
      <w:pPr/>
      <w:r>
        <w:rPr>
          <w:rFonts w:ascii="Helvetica Light" w:hAnsi="Helvetica Light" w:cs="Helvetica Light"/>
          <w:sz w:val="24"/>
          <w:sz-cs w:val="24"/>
        </w:rPr>
        <w:t xml:space="preserve">to that, my mother was preparing, knowing that we were going to be leaving - she was taking - there </w:t>
      </w:r>
    </w:p>
    <w:p>
      <w:pPr/>
      <w:r>
        <w:rPr>
          <w:rFonts w:ascii="Helvetica Light" w:hAnsi="Helvetica Light" w:cs="Helvetica Light"/>
          <w:sz w:val="24"/>
          <w:sz-cs w:val="24"/>
        </w:rPr>
        <w:t xml:space="preserve">was no-- it was hard to make up her mind, I guess, what to take with us, but food was important. </w:t>
      </w:r>
    </w:p>
    <w:p>
      <w:pPr/>
      <w:r>
        <w:rPr>
          <w:rFonts w:ascii="Helvetica Light" w:hAnsi="Helvetica Light" w:cs="Helvetica Light"/>
          <w:sz w:val="24"/>
          <w:sz-cs w:val="24"/>
        </w:rPr>
        <w:t xml:space="preserve">Now, what can you take in food? Nothing. There was nothing instant like we have now. Dried food, </w:t>
      </w:r>
    </w:p>
    <w:p>
      <w:pPr/>
      <w:r>
        <w:rPr>
          <w:rFonts w:ascii="Helvetica Light" w:hAnsi="Helvetica Light" w:cs="Helvetica Light"/>
          <w:sz w:val="24"/>
          <w:sz-cs w:val="24"/>
        </w:rPr>
        <w:t xml:space="preserve">none around. She would take yeast, a block of yeast and mix it with flour and dry it out that way, and </w:t>
      </w:r>
    </w:p>
    <w:p>
      <w:pPr/>
      <w:r>
        <w:rPr>
          <w:rFonts w:ascii="Helvetica Light" w:hAnsi="Helvetica Light" w:cs="Helvetica Light"/>
          <w:sz w:val="24"/>
          <w:sz-cs w:val="24"/>
        </w:rPr>
        <w:t xml:space="preserve">then she packed it into bottles and we took some yeast with us. I don\'92t know what for, and one bag </w:t>
      </w:r>
    </w:p>
    <w:p>
      <w:pPr/>
      <w:r>
        <w:rPr>
          <w:rFonts w:ascii="Helvetica Light" w:hAnsi="Helvetica Light" w:cs="Helvetica Light"/>
          <w:sz w:val="24"/>
          <w:sz-cs w:val="24"/>
        </w:rPr>
        <w:t xml:space="preserve">of flour, which they didn\'92t allow her to take with us. Then my mother started to rip the sack apart, </w:t>
      </w:r>
    </w:p>
    <w:p>
      <w:pPr/>
      <w:r>
        <w:rPr>
          <w:rFonts w:ascii="Helvetica Light" w:hAnsi="Helvetica Light" w:cs="Helvetica Light"/>
          <w:sz w:val="24"/>
          <w:sz-cs w:val="24"/>
        </w:rPr>
        <w:t xml:space="preserve">so finally one of them - she went actually wild. She couldn\'92t take it anymore. A nervous breakdown, </w:t>
      </w:r>
    </w:p>
    <w:p>
      <w:pPr/>
      <w:r>
        <w:rPr>
          <w:rFonts w:ascii="Helvetica Light" w:hAnsi="Helvetica Light" w:cs="Helvetica Light"/>
          <w:sz w:val="24"/>
          <w:sz-cs w:val="24"/>
        </w:rPr>
        <w:t xml:space="preserve">I guess, and she started to scream, yelling and crying and they said, \'93Ah, let her have that sack. Big </w:t>
      </w:r>
    </w:p>
    <w:p>
      <w:pPr/>
      <w:r>
        <w:rPr>
          <w:rFonts w:ascii="Helvetica Light" w:hAnsi="Helvetica Light" w:cs="Helvetica Light"/>
          <w:sz w:val="24"/>
          <w:sz-cs w:val="24"/>
        </w:rPr>
        <w:t xml:space="preserve">deal.\'94 In other words, \'93I wouldn\'92t use it anyway.\'94 So we took it. It was December 31, 1944. There </w:t>
      </w:r>
    </w:p>
    <w:p>
      <w:pPr/>
      <w:r>
        <w:rPr>
          <w:rFonts w:ascii="Helvetica Light" w:hAnsi="Helvetica Light" w:cs="Helvetica Light"/>
          <w:sz w:val="24"/>
          <w:sz-cs w:val="24"/>
        </w:rPr>
        <w:t xml:space="preserve">was a lot of snow all around. Cold. But for some reason, this excitement, this everything, I don\'92t </w:t>
      </w:r>
    </w:p>
    <w:p>
      <w:pPr/>
      <w:r>
        <w:rPr>
          <w:rFonts w:ascii="Helvetica Light" w:hAnsi="Helvetica Light" w:cs="Helvetica Light"/>
          <w:sz w:val="24"/>
          <w:sz-cs w:val="24"/>
        </w:rPr>
        <w:t xml:space="preserve">remember being cold. But it was tremendously windy and a whole lot of snow. They took us maybe </w:t>
      </w:r>
    </w:p>
    <w:p>
      <w:pPr/>
      <w:r>
        <w:rPr>
          <w:rFonts w:ascii="Helvetica Light" w:hAnsi="Helvetica Light" w:cs="Helvetica Light"/>
          <w:sz w:val="24"/>
          <w:sz-cs w:val="24"/>
        </w:rPr>
        <w:t xml:space="preserve">three and a half kilometers, so that\'92s what about one and a half mile to the railroad statio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walke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We walked, sure, and we had to drag that stuff. But it wasn\'92t too bad on the snow. </w:t>
      </w:r>
    </w:p>
    <w:p>
      <w:pPr/>
      <w:r>
        <w:rPr>
          <w:rFonts w:ascii="Helvetica Light" w:hAnsi="Helvetica Light" w:cs="Helvetica Light"/>
          <w:sz w:val="24"/>
          <w:sz-cs w:val="24"/>
        </w:rPr>
        <w:t xml:space="preserve">It was sliding. There was no sleds, we just had to carry and drag whatever we had. We got to the </w:t>
      </w:r>
    </w:p>
    <w:p>
      <w:pPr/>
      <w:r>
        <w:rPr>
          <w:rFonts w:ascii="Helvetica Light" w:hAnsi="Helvetica Light" w:cs="Helvetica Light"/>
          <w:sz w:val="24"/>
          <w:sz-cs w:val="24"/>
        </w:rPr>
        <w:t xml:space="preserve">railroad station and there was a lot of soldiers there. All helmets, uniforms, boots, and a lot of guns. </w:t>
      </w:r>
    </w:p>
    <w:p>
      <w:pPr/>
      <w:r>
        <w:rPr>
          <w:rFonts w:ascii="Helvetica Light" w:hAnsi="Helvetica Light" w:cs="Helvetica Light"/>
          <w:sz w:val="24"/>
          <w:sz-cs w:val="24"/>
        </w:rPr>
        <w:t xml:space="preserve">It was a very uncomfortable set up. There was no more civilian life at all. Just us; a small herd of </w:t>
      </w:r>
    </w:p>
    <w:p>
      <w:pPr/>
      <w:r>
        <w:rPr>
          <w:rFonts w:ascii="Helvetica Light" w:hAnsi="Helvetica Light" w:cs="Helvetica Light"/>
          <w:sz w:val="24"/>
          <w:sz-cs w:val="24"/>
        </w:rPr>
        <w:t xml:space="preserve">people. Empty railroad cars, animal cars, with open doors, and us. Well, we started I guess, they were </w:t>
      </w:r>
    </w:p>
    <w:p>
      <w:pPr/>
      <w:r>
        <w:rPr>
          <w:rFonts w:ascii="Helvetica Light" w:hAnsi="Helvetica Light" w:cs="Helvetica Light"/>
          <w:sz w:val="24"/>
          <w:sz-cs w:val="24"/>
        </w:rPr>
        <w:t xml:space="preserve">cold or something, they started counting us out and throwing us into the animal wagons. If I </w:t>
      </w:r>
    </w:p>
    <w:p>
      <w:pPr/>
      <w:r>
        <w:rPr>
          <w:rFonts w:ascii="Helvetica Light" w:hAnsi="Helvetica Light" w:cs="Helvetica Light"/>
          <w:sz w:val="24"/>
          <w:sz-cs w:val="24"/>
        </w:rPr>
        <w:t xml:space="preserve">remember, there were 79 people in our wagon, packed like sardines. They slammed the door shut - </w:t>
      </w:r>
    </w:p>
    <w:p>
      <w:pPr/>
      <w:r>
        <w:rPr>
          <w:rFonts w:ascii="Helvetica Light" w:hAnsi="Helvetica Light" w:cs="Helvetica Light"/>
          <w:sz w:val="24"/>
          <w:sz-cs w:val="24"/>
        </w:rPr>
        <w:t xml:space="preserve">It was a sliding-type door, and they put the kind of lock you put on that if somebody breaks it you </w:t>
      </w:r>
    </w:p>
    <w:p>
      <w:pPr/>
      <w:r>
        <w:rPr>
          <w:rFonts w:ascii="Helvetica Light" w:hAnsi="Helvetica Light" w:cs="Helvetica Light"/>
          <w:sz w:val="24"/>
          <w:sz-cs w:val="24"/>
        </w:rPr>
        <w:t xml:space="preserve">know they\'92ve broken into it. With lead, wire and lead, so nobody was allowed to open the wagons. </w:t>
      </w:r>
    </w:p>
    <w:p>
      <w:pPr/>
      <w:r>
        <w:rPr>
          <w:rFonts w:ascii="Helvetica Light" w:hAnsi="Helvetica Light" w:cs="Helvetica Light"/>
          <w:sz w:val="24"/>
          <w:sz-cs w:val="24"/>
        </w:rPr>
        <w:t xml:space="preserve">There were big cracks in the wagon, just like we see animal wagons. You can see animals through </w:t>
      </w:r>
    </w:p>
    <w:p>
      <w:pPr/>
      <w:r>
        <w:rPr>
          <w:rFonts w:ascii="Helvetica Light" w:hAnsi="Helvetica Light" w:cs="Helvetica Light"/>
          <w:sz w:val="24"/>
          <w:sz-cs w:val="24"/>
        </w:rPr>
        <w:t xml:space="preserve">the wagon. This was December 31, and it was probably like 2:30 or 3 o\'92clock in the afternoon. They </w:t>
      </w:r>
    </w:p>
    <w:p>
      <w:pPr/>
      <w:r>
        <w:rPr>
          <w:rFonts w:ascii="Helvetica Light" w:hAnsi="Helvetica Light" w:cs="Helvetica Light"/>
          <w:sz w:val="24"/>
          <w:sz-cs w:val="24"/>
        </w:rPr>
        <w:t xml:space="preserve">did not feed us that day at all, we probably did not eat anything. They locked us in that train and we </w:t>
      </w:r>
    </w:p>
    <w:p>
      <w:pPr/>
      <w:r>
        <w:rPr>
          <w:rFonts w:ascii="Helvetica Light" w:hAnsi="Helvetica Light" w:cs="Helvetica Light"/>
          <w:sz w:val="24"/>
          <w:sz-cs w:val="24"/>
        </w:rPr>
        <w:t xml:space="preserve">stayed there till midnight. I remember the whistles, the sirens welcoming New Year\'92s Eve. New </w:t>
      </w:r>
    </w:p>
    <w:p>
      <w:pPr/>
      <w:r>
        <w:rPr>
          <w:rFonts w:ascii="Helvetica Light" w:hAnsi="Helvetica Light" w:cs="Helvetica Light"/>
          <w:sz w:val="24"/>
          <w:sz-cs w:val="24"/>
        </w:rPr>
        <w:t xml:space="preserve">Year\'92s and we were all in a cage alread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Just waiting at the statio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Just waiting. All those hours cold, windy, but then it got worse because the wind </w:t>
      </w:r>
    </w:p>
    <w:p>
      <w:pPr/>
      <w:r>
        <w:rPr>
          <w:rFonts w:ascii="Helvetica Light" w:hAnsi="Helvetica Light" w:cs="Helvetica Light"/>
          <w:sz w:val="24"/>
          <w:sz-cs w:val="24"/>
        </w:rPr>
        <w:t xml:space="preserve">started to whistle. And the people started to sing. They started to do different things to occupy their </w:t>
      </w:r>
    </w:p>
    <w:p>
      <w:pPr/>
      <w:r>
        <w:rPr>
          <w:rFonts w:ascii="Helvetica Light" w:hAnsi="Helvetica Light" w:cs="Helvetica Light"/>
          <w:sz w:val="24"/>
          <w:sz-cs w:val="24"/>
        </w:rPr>
        <w:t xml:space="preserve">minds. And I remember that the men were yelling out every so often to change place. change place. </w:t>
      </w:r>
    </w:p>
    <w:p>
      <w:pPr/>
      <w:r>
        <w:rPr>
          <w:rFonts w:ascii="Helvetica Light" w:hAnsi="Helvetica Light" w:cs="Helvetica Light"/>
          <w:sz w:val="24"/>
          <w:sz-cs w:val="24"/>
        </w:rPr>
        <w:t xml:space="preserve">At that time I didn\'92t realize what they were doing, but they were changing places on the outside </w:t>
      </w:r>
    </w:p>
    <w:p>
      <w:pPr/>
      <w:r>
        <w:rPr>
          <w:rFonts w:ascii="Helvetica Light" w:hAnsi="Helvetica Light" w:cs="Helvetica Light"/>
          <w:sz w:val="24"/>
          <w:sz-cs w:val="24"/>
        </w:rPr>
        <w:t xml:space="preserve">against the wall. Whoever was, had to change. First he was facing the outside, then he would turn </w:t>
      </w:r>
    </w:p>
    <w:p>
      <w:pPr/>
      <w:r>
        <w:rPr>
          <w:rFonts w:ascii="Helvetica Light" w:hAnsi="Helvetica Light" w:cs="Helvetica Light"/>
          <w:sz w:val="24"/>
          <w:sz-cs w:val="24"/>
        </w:rPr>
        <w:t xml:space="preserve">around back towards the outside and then they would move in and next group would take the outside </w:t>
      </w:r>
    </w:p>
    <w:p>
      <w:pPr/>
      <w:r>
        <w:rPr>
          <w:rFonts w:ascii="Helvetica Light" w:hAnsi="Helvetica Light" w:cs="Helvetica Light"/>
          <w:sz w:val="24"/>
          <w:sz-cs w:val="24"/>
        </w:rPr>
        <w:t xml:space="preserve">line, because they realized that they would all freeze. Constantly, they had to move their feet and </w:t>
      </w:r>
    </w:p>
    <w:p>
      <w:pPr/>
      <w:r>
        <w:rPr>
          <w:rFonts w:ascii="Helvetica Light" w:hAnsi="Helvetica Light" w:cs="Helvetica Light"/>
          <w:sz w:val="24"/>
          <w:sz-cs w:val="24"/>
        </w:rPr>
        <w:t xml:space="preserve">everything with a boom, boom, boom, boom. Everybody was marching someplace, and yet you </w:t>
      </w:r>
    </w:p>
    <w:p>
      <w:pPr/>
      <w:r>
        <w:rPr>
          <w:rFonts w:ascii="Helvetica Light" w:hAnsi="Helvetica Light" w:cs="Helvetica Light"/>
          <w:sz w:val="24"/>
          <w:sz-cs w:val="24"/>
        </w:rPr>
        <w:t xml:space="preserve">couldn\'92t lift your feet high or anything because you were hitting next person. It was very, very </w:t>
      </w:r>
    </w:p>
    <w:p>
      <w:pPr/>
      <w:r>
        <w:rPr>
          <w:rFonts w:ascii="Helvetica Light" w:hAnsi="Helvetica Light" w:cs="Helvetica Light"/>
          <w:sz w:val="24"/>
          <w:sz-cs w:val="24"/>
        </w:rPr>
        <w:t xml:space="preserve">crowde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 group that you were with were all Polish refugees like yourself?\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All Polish refugees, and this group was mostly old women and, of course, women with </w:t>
      </w:r>
    </w:p>
    <w:p>
      <w:pPr/>
      <w:r>
        <w:rPr>
          <w:rFonts w:ascii="Helvetica Light" w:hAnsi="Helvetica Light" w:cs="Helvetica Light"/>
          <w:sz w:val="24"/>
          <w:sz-cs w:val="24"/>
        </w:rPr>
        <w:t xml:space="preserve">children, wives that had been left behind from the husbands that had already left, and older, intelligent </w:t>
      </w:r>
    </w:p>
    <w:p>
      <w:pPr/>
      <w:r>
        <w:rPr>
          <w:rFonts w:ascii="Helvetica Light" w:hAnsi="Helvetica Light" w:cs="Helvetica Light"/>
          <w:sz w:val="24"/>
          <w:sz-cs w:val="24"/>
        </w:rPr>
        <w:t xml:space="preserve">people. People that had positions. They all had big titles and in Europe it was very fashionable to use </w:t>
      </w:r>
    </w:p>
    <w:p>
      <w:pPr/>
      <w:r>
        <w:rPr>
          <w:rFonts w:ascii="Helvetica Light" w:hAnsi="Helvetica Light" w:cs="Helvetica Light"/>
          <w:sz w:val="24"/>
          <w:sz-cs w:val="24"/>
        </w:rPr>
        <w:t xml:space="preserve">a title. If you spoke to the wife of a doctor, you would have to say, \'93Mrs. Doctor and so and so,\'94 and </w:t>
      </w:r>
    </w:p>
    <w:p>
      <w:pPr/>
      <w:r>
        <w:rPr>
          <w:rFonts w:ascii="Helvetica Light" w:hAnsi="Helvetica Light" w:cs="Helvetica Light"/>
          <w:sz w:val="24"/>
          <w:sz-cs w:val="24"/>
        </w:rPr>
        <w:t xml:space="preserve">if it was the wife of an engineer you would have to say, \'93Mrs. Engineer,\'94 and if it was the wife of a </w:t>
      </w:r>
    </w:p>
    <w:p>
      <w:pPr/>
      <w:r>
        <w:rPr>
          <w:rFonts w:ascii="Helvetica Light" w:hAnsi="Helvetica Light" w:cs="Helvetica Light"/>
          <w:sz w:val="24"/>
          <w:sz-cs w:val="24"/>
        </w:rPr>
        <w:t xml:space="preserve">judge, \'93Mrs. Judge.\'94 Titles were very important in those days. All those people I remember had very </w:t>
      </w:r>
    </w:p>
    <w:p>
      <w:pPr/>
      <w:r>
        <w:rPr>
          <w:rFonts w:ascii="Helvetica Light" w:hAnsi="Helvetica Light" w:cs="Helvetica Light"/>
          <w:sz w:val="24"/>
          <w:sz-cs w:val="24"/>
        </w:rPr>
        <w:t xml:space="preserve">big titles. So, finally, around after midnight, after two o\'92clock in the morning I think, they started </w:t>
      </w:r>
    </w:p>
    <w:p>
      <w:pPr/>
      <w:r>
        <w:rPr>
          <w:rFonts w:ascii="Helvetica Light" w:hAnsi="Helvetica Light" w:cs="Helvetica Light"/>
          <w:sz w:val="24"/>
          <w:sz-cs w:val="24"/>
        </w:rPr>
        <w:t xml:space="preserve">moving us out from the railroad station and we started to go and then things got worse. When the </w:t>
      </w:r>
    </w:p>
    <w:p>
      <w:pPr/>
      <w:r>
        <w:rPr>
          <w:rFonts w:ascii="Helvetica Light" w:hAnsi="Helvetica Light" w:cs="Helvetica Light"/>
          <w:sz w:val="24"/>
          <w:sz-cs w:val="24"/>
        </w:rPr>
        <w:t xml:space="preserve">train picked up a speed then the wind was really cutting right through the whole thing. I didn\'92t realize </w:t>
      </w:r>
    </w:p>
    <w:p>
      <w:pPr/>
      <w:r>
        <w:rPr>
          <w:rFonts w:ascii="Helvetica Light" w:hAnsi="Helvetica Light" w:cs="Helvetica Light"/>
          <w:sz w:val="24"/>
          <w:sz-cs w:val="24"/>
        </w:rPr>
        <w:t xml:space="preserve">it. When we were standing still, we were still warm, but when we started to move, then it was cold, </w:t>
      </w:r>
    </w:p>
    <w:p>
      <w:pPr/>
      <w:r>
        <w:rPr>
          <w:rFonts w:ascii="Helvetica Light" w:hAnsi="Helvetica Light" w:cs="Helvetica Light"/>
          <w:sz w:val="24"/>
          <w:sz-cs w:val="24"/>
        </w:rPr>
        <w:t xml:space="preserve">even for us.\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How many cars were there? You said there were about seventy-nine people in your </w:t>
      </w:r>
    </w:p>
    <w:p>
      <w:pPr/>
      <w:r>
        <w:rPr>
          <w:rFonts w:ascii="Helvetica Light" w:hAnsi="Helvetica Light" w:cs="Helvetica Light"/>
          <w:sz w:val="24"/>
          <w:sz-cs w:val="24"/>
        </w:rPr>
        <w:t xml:space="preserve">car.\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Seventy-nine people to the car. I imagine when they let us out, I would say there was </w:t>
      </w:r>
    </w:p>
    <w:p>
      <w:pPr/>
      <w:r>
        <w:rPr>
          <w:rFonts w:ascii="Helvetica Light" w:hAnsi="Helvetica Light" w:cs="Helvetica Light"/>
          <w:sz w:val="24"/>
          <w:sz-cs w:val="24"/>
        </w:rPr>
        <w:t xml:space="preserve">around six cars. Not too many. There was an awful lot of horse manure on the floor of that wagon. </w:t>
      </w:r>
    </w:p>
    <w:p>
      <w:pPr/>
      <w:r>
        <w:rPr>
          <w:rFonts w:ascii="Helvetica Light" w:hAnsi="Helvetica Light" w:cs="Helvetica Light"/>
          <w:sz w:val="24"/>
          <w:sz-cs w:val="24"/>
        </w:rPr>
        <w:t xml:space="preserve">Later on I heard the adults say that that\'92s what saved our lives. Horse manure has the heating capacity </w:t>
      </w:r>
    </w:p>
    <w:p>
      <w:pPr/>
      <w:r>
        <w:rPr>
          <w:rFonts w:ascii="Helvetica Light" w:hAnsi="Helvetica Light" w:cs="Helvetica Light"/>
          <w:sz w:val="24"/>
          <w:sz-cs w:val="24"/>
        </w:rPr>
        <w:t xml:space="preserve">or something. Whatever they meant by that, I don\'92t know, but it was the insulation from the floor.\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How long were you on the train?\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We were on the train probably three days until we got to Austria, the first camp.\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Were you able to get out of the train at any time? Or receive any food at any time, or </w:t>
      </w:r>
    </w:p>
    <w:p>
      <w:pPr/>
      <w:r>
        <w:rPr>
          <w:rFonts w:ascii="Helvetica Light" w:hAnsi="Helvetica Light" w:cs="Helvetica Light"/>
          <w:sz w:val="24"/>
          <w:sz-cs w:val="24"/>
        </w:rPr>
        <w:t xml:space="preserve">were you totally locked up?\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No. We were totally locked up. They were not allowed to unlock that door. That door </w:t>
      </w:r>
    </w:p>
    <w:p>
      <w:pPr/>
      <w:r>
        <w:rPr>
          <w:rFonts w:ascii="Helvetica Light" w:hAnsi="Helvetica Light" w:cs="Helvetica Light"/>
          <w:sz w:val="24"/>
          <w:sz-cs w:val="24"/>
        </w:rPr>
        <w:t xml:space="preserve">was not padlocked, only was sealed. A wire and lead type lock and if you would break it, they would </w:t>
      </w:r>
    </w:p>
    <w:p>
      <w:pPr/>
      <w:r>
        <w:rPr>
          <w:rFonts w:ascii="Helvetica Light" w:hAnsi="Helvetica Light" w:cs="Helvetica Light"/>
          <w:sz w:val="24"/>
          <w:sz-cs w:val="24"/>
        </w:rPr>
        <w:t xml:space="preserve">know. Somebody would have to answer for it, why it was opened. The first stop that they made, that </w:t>
      </w:r>
    </w:p>
    <w:p>
      <w:pPr/>
      <w:r>
        <w:rPr>
          <w:rFonts w:ascii="Helvetica Light" w:hAnsi="Helvetica Light" w:cs="Helvetica Light"/>
          <w:sz w:val="24"/>
          <w:sz-cs w:val="24"/>
        </w:rPr>
        <w:t xml:space="preserve">they were allowed to open it, was at some field. It was probably very early in the morning. It was not </w:t>
      </w:r>
    </w:p>
    <w:p>
      <w:pPr/>
      <w:r>
        <w:rPr>
          <w:rFonts w:ascii="Helvetica Light" w:hAnsi="Helvetica Light" w:cs="Helvetica Light"/>
          <w:sz w:val="24"/>
          <w:sz-cs w:val="24"/>
        </w:rPr>
        <w:t xml:space="preserve">in the evening. It must have been in the morning, because I can remember the sun coming out, shining </w:t>
      </w:r>
    </w:p>
    <w:p>
      <w:pPr/>
      <w:r>
        <w:rPr>
          <w:rFonts w:ascii="Helvetica Light" w:hAnsi="Helvetica Light" w:cs="Helvetica Light"/>
          <w:sz w:val="24"/>
          <w:sz-cs w:val="24"/>
        </w:rPr>
        <w:t xml:space="preserve">over the snow valleys. They allowed us to make a circle and take care of our needs as human beings; </w:t>
      </w:r>
    </w:p>
    <w:p>
      <w:pPr/>
      <w:r>
        <w:rPr>
          <w:rFonts w:ascii="Helvetica Light" w:hAnsi="Helvetica Light" w:cs="Helvetica Light"/>
          <w:sz w:val="24"/>
          <w:sz-cs w:val="24"/>
        </w:rPr>
        <w:t xml:space="preserve">to urinate, etc. It was very cold. I know we were huddling around my mother and not knowing what </w:t>
      </w:r>
    </w:p>
    <w:p>
      <w:pPr/>
      <w:r>
        <w:rPr>
          <w:rFonts w:ascii="Helvetica Light" w:hAnsi="Helvetica Light" w:cs="Helvetica Light"/>
          <w:sz w:val="24"/>
          <w:sz-cs w:val="24"/>
        </w:rPr>
        <w:t xml:space="preserve">to do. We never did anything like that in the presence of other people, surrounded by people with </w:t>
      </w:r>
    </w:p>
    <w:p>
      <w:pPr/>
      <w:r>
        <w:rPr>
          <w:rFonts w:ascii="Helvetica Light" w:hAnsi="Helvetica Light" w:cs="Helvetica Light"/>
          <w:sz w:val="24"/>
          <w:sz-cs w:val="24"/>
        </w:rPr>
        <w:t xml:space="preserve">guns around. Circle was small. They made so many circles, I guess, each wagon, I guess, was not </w:t>
      </w:r>
    </w:p>
    <w:p>
      <w:pPr/>
      <w:r>
        <w:rPr>
          <w:rFonts w:ascii="Helvetica Light" w:hAnsi="Helvetica Light" w:cs="Helvetica Light"/>
          <w:sz w:val="24"/>
          <w:sz-cs w:val="24"/>
        </w:rPr>
        <w:t xml:space="preserve">allowed to mingle with the other. They were separate. Each circle. And I remember just one old lady, </w:t>
      </w:r>
    </w:p>
    <w:p>
      <w:pPr/>
      <w:r>
        <w:rPr>
          <w:rFonts w:ascii="Helvetica Light" w:hAnsi="Helvetica Light" w:cs="Helvetica Light"/>
          <w:sz w:val="24"/>
          <w:sz-cs w:val="24"/>
        </w:rPr>
        <w:t xml:space="preserve">she was saying to my mother, "How can I?" She also had a very big title, whatever it was. "How can </w:t>
      </w:r>
    </w:p>
    <w:p>
      <w:pPr/>
      <w:r>
        <w:rPr>
          <w:rFonts w:ascii="Helvetica Light" w:hAnsi="Helvetica Light" w:cs="Helvetica Light"/>
          <w:sz w:val="24"/>
          <w:sz-cs w:val="24"/>
        </w:rPr>
        <w:t xml:space="preserve">I do it?" I think a judge\'92s wife. "How can I do this?" No. My mother said, "How can I do this in front </w:t>
      </w:r>
    </w:p>
    <w:p>
      <w:pPr/>
      <w:r>
        <w:rPr>
          <w:rFonts w:ascii="Helvetica Light" w:hAnsi="Helvetica Light" w:cs="Helvetica Light"/>
          <w:sz w:val="24"/>
          <w:sz-cs w:val="24"/>
        </w:rPr>
        <w:t xml:space="preserve">of all this?" And the old lady says, "Just lift your skirt, and don\'92t worry about it. We are in a cage </w:t>
      </w:r>
    </w:p>
    <w:p>
      <w:pPr/>
      <w:r>
        <w:rPr>
          <w:rFonts w:ascii="Helvetica Light" w:hAnsi="Helvetica Light" w:cs="Helvetica Light"/>
          <w:sz w:val="24"/>
          <w:sz-cs w:val="24"/>
        </w:rPr>
        <w:t xml:space="preserve">now. We are no longer humans. Don\'92t worry about that." So they kept us there for quite a while. I </w:t>
      </w:r>
    </w:p>
    <w:p>
      <w:pPr/>
      <w:r>
        <w:rPr>
          <w:rFonts w:ascii="Helvetica Light" w:hAnsi="Helvetica Light" w:cs="Helvetica Light"/>
          <w:sz w:val="24"/>
          <w:sz-cs w:val="24"/>
        </w:rPr>
        <w:t xml:space="preserve">don\'92t know why. Whether they couldn\'92t make up their minds what to do...}\sect \sectd \sbknone\headery288\footery1323 </w:t>
      </w:r>
    </w:p>
    <w:p>
      <w:pPr/>
      <w:r>
        <w:rPr>
          <w:rFonts w:ascii="Helvetica Light" w:hAnsi="Helvetica Light" w:cs="Helvetica Light"/>
          <w:sz w:val="24"/>
          <w:sz-cs w:val="24"/>
        </w:rPr>
        <w:t xml:space="preserve">{\header \pard \qr\sl0\tx0\tx0\tqc\tx4320\tqr\tx8640\tx9360 </w:t>
      </w:r>
    </w:p>
    <w:p>
      <w:pPr/>
      <w:r>
        <w:rPr>
          <w:rFonts w:ascii="Helvetica Light" w:hAnsi="Helvetica Light" w:cs="Helvetica Light"/>
          <w:sz w:val="24"/>
          <w:sz-cs w:val="24"/>
        </w:rPr>
        <w:t xml:space="preserve">{\plain \*\cs1\fs20 }{\plain \*\cs1\i MARIAN TURZANSKI [2-2-\chpgn ]}{\plain \i\fs20 \par }}</w:t>
      </w:r>
    </w:p>
    <w:p>
      <w:pPr/>
      <w:r>
        <w:rPr>
          <w:rFonts w:ascii="Helvetica Light" w:hAnsi="Helvetica Light" w:cs="Helvetica Light"/>
          <w:sz w:val="24"/>
          <w:sz-cs w:val="24"/>
        </w:rPr>
        <w:t xml:space="preserve">{\footer \pard \sl261\tx-156\tx0\tx0\tx720\tx1440\tx2160\tx2880\tx3600\tx4320\tx5040\tx5760\tx6480\tx7200\tx7920\tx8640\tx9360 </w:t>
      </w:r>
    </w:p>
    <w:p>
      <w:pPr/>
      <w:r>
        <w:rPr>
          <w:rFonts w:ascii="Helvetica Light" w:hAnsi="Helvetica Light" w:cs="Helvetica Light"/>
          <w:sz w:val="24"/>
          <w:sz-cs w:val="24"/>
        </w:rPr>
        <w:t xml:space="preserve">{\plain \*\cs1\fs20 }{\plain \*\cs1\i\fs20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s2\qj\sl395\tx0\tx0\tx720\tx1440\tx2160\tx2880\tx3600\tx4320\tx5040\tx5760\tx6480\tx7200\tx7920\tx8640\tx9360 </w:t>
      </w:r>
    </w:p>
    <w:p>
      <w:pPr/>
      <w:r>
        <w:rPr>
          <w:rFonts w:ascii="Helvetica Light" w:hAnsi="Helvetica Light" w:cs="Helvetica Light"/>
          <w:sz w:val="24"/>
          <w:sz-cs w:val="24"/>
        </w:rPr>
        <w:t xml:space="preserve">\par</w:t>
      </w:r>
    </w:p>
    <w:p>
      <w:pPr/>
      <w:r>
        <w:rPr>
          <w:rFonts w:ascii="Helvetica Light" w:hAnsi="Helvetica Light" w:cs="Helvetica Light"/>
          <w:sz w:val="24"/>
          <w:sz-cs w:val="24"/>
        </w:rPr>
        <w:t xml:space="preserve">\sect \sectd \sbknone\headery288\footery1323 </w:t>
      </w:r>
    </w:p>
    <w:p>
      <w:pPr/>
      <w:r>
        <w:rPr>
          <w:rFonts w:ascii="Helvetica Light" w:hAnsi="Helvetica Light" w:cs="Helvetica Light"/>
          <w:sz w:val="24"/>
          <w:sz-cs w:val="24"/>
        </w:rPr>
        <w:t xml:space="preserve">{\header \pard \qr\sl0\tx0\tx0\tqc\tx4320\tqr\tx8640\tx9360 </w:t>
      </w:r>
    </w:p>
    <w:p>
      <w:pPr/>
      <w:r>
        <w:rPr>
          <w:rFonts w:ascii="Helvetica Light" w:hAnsi="Helvetica Light" w:cs="Helvetica Light"/>
          <w:sz w:val="24"/>
          <w:sz-cs w:val="24"/>
        </w:rPr>
        <w:t xml:space="preserve">{\plain \*\cs1\fs20 }{\plain \*\cs1\i MARIAN TURZANSKI [2-2-\chpgn ]}{\plain \i\fs20 \par }}</w:t>
      </w:r>
    </w:p>
    <w:p>
      <w:pPr/>
      <w:r>
        <w:rPr>
          <w:rFonts w:ascii="Helvetica Light" w:hAnsi="Helvetica Light" w:cs="Helvetica Light"/>
          <w:sz w:val="24"/>
          <w:sz-cs w:val="24"/>
        </w:rPr>
        <w:t xml:space="preserve">{\footer \pard \sl261\tx-156\tx0\tx0\tx720\tx1440\tx2160\tx2880\tx3600\tx4320\tx5040\tx5760\tx6480\tx7200\tx7920\tx8640\tx9360 </w:t>
      </w:r>
    </w:p>
    <w:p>
      <w:pPr/>
      <w:r>
        <w:rPr>
          <w:rFonts w:ascii="Helvetica Light" w:hAnsi="Helvetica Light" w:cs="Helvetica Light"/>
          <w:sz w:val="24"/>
          <w:sz-cs w:val="24"/>
        </w:rPr>
        <w:t xml:space="preserve">{\plain \*\cs1\fs20 }{\plain \*\cs1\i\fs20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qj\sl395\tx0\tx0\tx720\tx1440\tx2160\tx2880\tx3600\tx4320\tx5040\tx5760\tx6480\tx7200\tx7920\tx8640\tx9360 </w:t>
      </w:r>
    </w:p>
    <w:p>
      <w:pPr/>
      <w:r>
        <w:rPr>
          <w:rFonts w:ascii="Helvetica Light" w:hAnsi="Helvetica Light" w:cs="Helvetica Light"/>
          <w:sz w:val="24"/>
          <w:sz-cs w:val="24"/>
        </w:rPr>
        <w:t xml:space="preserve">{\plain JF:\tab You mean they kept you outsid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Outside in the snow. Finally they told us to get back. I don\'92t know if they were </w:t>
      </w:r>
    </w:p>
    <w:p>
      <w:pPr/>
      <w:r>
        <w:rPr>
          <w:rFonts w:ascii="Helvetica Light" w:hAnsi="Helvetica Light" w:cs="Helvetica Light"/>
          <w:sz w:val="24"/>
          <w:sz-cs w:val="24"/>
        </w:rPr>
        <w:t xml:space="preserve">searching the wagons. Perhaps somebody was hiding something, some kind of a radio, I don\'92t know, </w:t>
      </w:r>
    </w:p>
    <w:p>
      <w:pPr/>
      <w:r>
        <w:rPr>
          <w:rFonts w:ascii="Helvetica Light" w:hAnsi="Helvetica Light" w:cs="Helvetica Light"/>
          <w:sz w:val="24"/>
          <w:sz-cs w:val="24"/>
        </w:rPr>
        <w:t xml:space="preserve">but finally they let us back into the wagons. It felt funny. When I went back to the wagon, the first </w:t>
      </w:r>
    </w:p>
    <w:p>
      <w:pPr/>
      <w:r>
        <w:rPr>
          <w:rFonts w:ascii="Helvetica Light" w:hAnsi="Helvetica Light" w:cs="Helvetica Light"/>
          <w:sz w:val="24"/>
          <w:sz-cs w:val="24"/>
        </w:rPr>
        <w:t xml:space="preserve">time I felt like I am secure again, like I am in a house, in a home, because I was brought in from that </w:t>
      </w:r>
    </w:p>
    <w:p>
      <w:pPr/>
      <w:r>
        <w:rPr>
          <w:rFonts w:ascii="Helvetica Light" w:hAnsi="Helvetica Light" w:cs="Helvetica Light"/>
          <w:sz w:val="24"/>
          <w:sz-cs w:val="24"/>
        </w:rPr>
        <w:t xml:space="preserve">terrible snow and wind and everything. Back at home. Terrible. Then they locked us up again and </w:t>
      </w:r>
    </w:p>
    <w:p>
      <w:pPr/>
      <w:r>
        <w:rPr>
          <w:rFonts w:ascii="Helvetica Light" w:hAnsi="Helvetica Light" w:cs="Helvetica Light"/>
          <w:sz w:val="24"/>
          <w:sz-cs w:val="24"/>
        </w:rPr>
        <w:t xml:space="preserve">started moving slow, choo, choo, choo-- picked up speed and then there was this very ungodly sound, </w:t>
      </w:r>
    </w:p>
    <w:p>
      <w:pPr/>
      <w:r>
        <w:rPr>
          <w:rFonts w:ascii="Helvetica Light" w:hAnsi="Helvetica Light" w:cs="Helvetica Light"/>
          <w:sz w:val="24"/>
          <w:sz-cs w:val="24"/>
        </w:rPr>
        <w:t xml:space="preserve">because it was whistling [makes whistling sound] right through the whole darn thing.\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The wind was whistling?\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The wind, yes.\tab \tab \tab \tab \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Did you know exactly your destination? Or you were just told it would be a camp?\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Was told Germany. No. Exactly where nobody knew. Then they stopped at some </w:t>
      </w:r>
    </w:p>
    <w:p>
      <w:pPr/>
      <w:r>
        <w:rPr>
          <w:rFonts w:ascii="Helvetica Light" w:hAnsi="Helvetica Light" w:cs="Helvetica Light"/>
          <w:sz w:val="24"/>
          <w:sz-cs w:val="24"/>
        </w:rPr>
        <w:t xml:space="preserve">railroad station, still in Hungary, later on in the day and we were yelling, "Brothers," in Hungarian, </w:t>
      </w:r>
    </w:p>
    <w:p>
      <w:pPr/>
      <w:r>
        <w:rPr>
          <w:rFonts w:ascii="Helvetica Light" w:hAnsi="Helvetica Light" w:cs="Helvetica Light"/>
          <w:sz w:val="24"/>
          <w:sz-cs w:val="24"/>
        </w:rPr>
        <w:t xml:space="preserve">"Brothers, water, water, brothers, water," because they were watering the tanks. They were not </w:t>
      </w:r>
    </w:p>
    <w:p>
      <w:pPr/>
      <w:r>
        <w:rPr>
          <w:rFonts w:ascii="Helvetica Light" w:hAnsi="Helvetica Light" w:cs="Helvetica Light"/>
          <w:sz w:val="24"/>
          <w:sz-cs w:val="24"/>
        </w:rPr>
        <w:t xml:space="preserve">diesels at that time. They were coal. Trains run by coal and they needed water. So they were watering </w:t>
      </w:r>
    </w:p>
    <w:p>
      <w:pPr/>
      <w:r>
        <w:rPr>
          <w:rFonts w:ascii="Helvetica Light" w:hAnsi="Helvetica Light" w:cs="Helvetica Light"/>
          <w:sz w:val="24"/>
          <w:sz-cs w:val="24"/>
        </w:rPr>
        <w:t xml:space="preserve">the engine but they would not give us any water. We could hear the water going and we needed </w:t>
      </w:r>
    </w:p>
    <w:p>
      <w:pPr/>
      <w:r>
        <w:rPr>
          <w:rFonts w:ascii="Helvetica Light" w:hAnsi="Helvetica Light" w:cs="Helvetica Light"/>
          <w:sz w:val="24"/>
          <w:sz-cs w:val="24"/>
        </w:rPr>
        <w:t xml:space="preserve">water. We wanted water, but I guess they were not allowed to give us any. The next stop was </w:t>
      </w:r>
    </w:p>
    <w:p>
      <w:pPr/>
      <w:r>
        <w:rPr>
          <w:rFonts w:ascii="Helvetica Light" w:hAnsi="Helvetica Light" w:cs="Helvetica Light"/>
          <w:sz w:val="24"/>
          <w:sz-cs w:val="24"/>
        </w:rPr>
        <w:t xml:space="preserve">Prague, Czechoslovakia. That was in the daytime, maybe two o\'92clock, maybe a little bit earlier. They </w:t>
      </w:r>
    </w:p>
    <w:p>
      <w:pPr/>
      <w:r>
        <w:rPr>
          <w:rFonts w:ascii="Helvetica Light" w:hAnsi="Helvetica Light" w:cs="Helvetica Light"/>
          <w:sz w:val="24"/>
          <w:sz-cs w:val="24"/>
        </w:rPr>
        <w:t xml:space="preserve">let us out. They opened the trains and Czechs spoke similar language as we did. Similarity is probably </w:t>
      </w:r>
    </w:p>
    <w:p>
      <w:pPr/>
      <w:r>
        <w:rPr>
          <w:rFonts w:ascii="Helvetica Light" w:hAnsi="Helvetica Light" w:cs="Helvetica Light"/>
          <w:sz w:val="24"/>
          <w:sz-cs w:val="24"/>
        </w:rPr>
        <w:t xml:space="preserve">like English to South Carolina or something. British to South Carolina. You could tell-- you could </w:t>
      </w:r>
    </w:p>
    <w:p>
      <w:pPr/>
      <w:r>
        <w:rPr>
          <w:rFonts w:ascii="Helvetica Light" w:hAnsi="Helvetica Light" w:cs="Helvetica Light"/>
          <w:sz w:val="24"/>
          <w:sz-cs w:val="24"/>
        </w:rPr>
        <w:t xml:space="preserve">figure out; it was enough you could be able to figure out what they were saying.\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Was this in the city of Prague, that they stopped the train?\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Yes.\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In the main railroad station?\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Not in the main station. They never stopped in the main. They pulled over to some </w:t>
      </w:r>
    </w:p>
    <w:p>
      <w:pPr/>
      <w:r>
        <w:rPr>
          <w:rFonts w:ascii="Helvetica Light" w:hAnsi="Helvetica Light" w:cs="Helvetica Light"/>
          <w:sz w:val="24"/>
          <w:sz-cs w:val="24"/>
        </w:rPr>
        <w:t xml:space="preserve">side a little further, never where you had a roof over your head. Someplace to the side, some kind of </w:t>
      </w:r>
    </w:p>
    <w:p>
      <w:pPr/>
      <w:r>
        <w:rPr>
          <w:rFonts w:ascii="Helvetica Light" w:hAnsi="Helvetica Light" w:cs="Helvetica Light"/>
          <w:sz w:val="24"/>
          <w:sz-cs w:val="24"/>
        </w:rPr>
        <w:t xml:space="preserve">spare parking place, probably. There we were allowed - I guess Czechs made that deal with </w:t>
      </w:r>
    </w:p>
    <w:p>
      <w:pPr/>
      <w:r>
        <w:rPr>
          <w:rFonts w:ascii="Helvetica Light" w:hAnsi="Helvetica Light" w:cs="Helvetica Light"/>
          <w:sz w:val="24"/>
          <w:sz-cs w:val="24"/>
        </w:rPr>
        <w:t xml:space="preserve">somebody - we were allowed to go to the nearest restaurant. I know we had some hot dumplings, </w:t>
      </w:r>
    </w:p>
    <w:p>
      <w:pPr/>
      <w:r>
        <w:rPr>
          <w:rFonts w:ascii="Helvetica Light" w:hAnsi="Helvetica Light" w:cs="Helvetica Light"/>
          <w:sz w:val="24"/>
          <w:sz-cs w:val="24"/>
        </w:rPr>
        <w:t xml:space="preserve">made over steam. And it was so good. They were hot.\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You went under guard to the restaurant?\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That I don\'92t remember, whether we all went in a group. I know we were in a </w:t>
      </w:r>
    </w:p>
    <w:p>
      <w:pPr/>
      <w:r>
        <w:rPr>
          <w:rFonts w:ascii="Helvetica Light" w:hAnsi="Helvetica Light" w:cs="Helvetica Light"/>
          <w:sz w:val="24"/>
          <w:sz-cs w:val="24"/>
        </w:rPr>
        <w:t xml:space="preserve">restaurant and I know they had something red, like red beer, something that people were drinking. </w:t>
      </w:r>
    </w:p>
    <w:p>
      <w:pPr/>
      <w:r>
        <w:rPr>
          <w:rFonts w:ascii="Helvetica Light" w:hAnsi="Helvetica Light" w:cs="Helvetica Light"/>
          <w:sz w:val="24"/>
          <w:sz-cs w:val="24"/>
        </w:rPr>
        <w:t xml:space="preserve">I think they even gave it to us; they didn\'92t have milk, I think they gave it to us kids. Something red </w:t>
      </w:r>
    </w:p>
    <w:p>
      <w:pPr/>
      <w:r>
        <w:rPr>
          <w:rFonts w:ascii="Helvetica Light" w:hAnsi="Helvetica Light" w:cs="Helvetica Light"/>
          <w:sz w:val="24"/>
          <w:sz-cs w:val="24"/>
        </w:rPr>
        <w:t xml:space="preserve">to drink.\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JF:\tab Did you pay for this food?\par</w:t>
      </w:r>
    </w:p>
    <w:p>
      <w:pPr/>
      <w:r>
        <w:rPr>
          <w:rFonts w:ascii="Helvetica Light" w:hAnsi="Helvetica Light" w:cs="Helvetica Light"/>
          <w:sz w:val="24"/>
          <w:sz-cs w:val="24"/>
        </w:rPr>
        <w:t xml:space="preserve">}\pard \s2\qj\fi720\sl395\tx0\tx0\tx720\tx1440\tx2160\tx2880\tx3600\tx4320\tx5040\tx5760\tx6480\tx7200\tx7920\tx8640\tx9360 </w:t>
      </w:r>
    </w:p>
    <w:p>
      <w:pPr/>
      <w:r>
        <w:rPr>
          <w:rFonts w:ascii="Helvetica Light" w:hAnsi="Helvetica Light" w:cs="Helvetica Light"/>
          <w:sz w:val="24"/>
          <w:sz-cs w:val="24"/>
        </w:rPr>
        <w:t xml:space="preserve">{\plain MT:\tab We had money at that time. We had a lot of money. Hungarian money. Yes. We had </w:t>
      </w:r>
    </w:p>
    <w:p>
      <w:pPr/>
      <w:r>
        <w:rPr>
          <w:rFonts w:ascii="Helvetica Light" w:hAnsi="Helvetica Light" w:cs="Helvetica Light"/>
          <w:sz w:val="24"/>
          <w:sz-cs w:val="24"/>
        </w:rPr>
        <w:t xml:space="preserve">actually quite a bit of money, even in the camps, but we couldn\'92t use it. I\'92ll tell you later on what we </w:t>
      </w:r>
    </w:p>
    <w:p>
      <w:pPr/>
      <w:r>
        <w:rPr>
          <w:rFonts w:ascii="Helvetica Light" w:hAnsi="Helvetica Light" w:cs="Helvetica Light"/>
          <w:sz w:val="24"/>
          <w:sz-cs w:val="24"/>
        </w:rPr>
        <w:t xml:space="preserve">did with the money.\par</w:t>
      </w:r>
    </w:p>
    <w:p>
      <w:pPr/>
      <w:r>
        <w:rPr>
          <w:rFonts w:ascii="Helvetica Light" w:hAnsi="Helvetica Light" w:cs="Helvetica Light"/>
          <w:sz w:val="24"/>
          <w:sz-cs w:val="24"/>
        </w:rPr>
        <w:t xml:space="preserve">}\pard \qj\fi720\tx0\tx0\tx720\tx1440\tx2160\tx2880\tx3600\tx4320\tx5040\tx5760\tx6480\tx7200\tx7920\tx8640\tx9360 </w:t>
      </w:r>
    </w:p>
    <w:p>
      <w:pPr/>
      <w:r>
        <w:rPr>
          <w:rFonts w:ascii="Helvetica Light" w:hAnsi="Helvetica Light" w:cs="Helvetica Light"/>
          <w:sz w:val="24"/>
          <w:sz-cs w:val="24"/>
        </w:rPr>
        <w:t xml:space="preserve">{\plain \*\cs1 \par</w:t>
      </w:r>
    </w:p>
    <w:p>
      <w:pPr/>
      <w:r>
        <w:rPr>
          <w:rFonts w:ascii="Helvetica Light" w:hAnsi="Helvetica Light" w:cs="Helvetica Light"/>
          <w:sz w:val="24"/>
          <w:sz-cs w:val="24"/>
        </w:rPr>
        <w:t xml:space="preserve">}\pard \qj\fi720\tx0\tx0\tx720\tx1440\tx2160\tx2880\tx3600\tx4320\tx5040\tx5760\tx6480\tx7200\tx7920\tx8640\tx9360 </w:t>
      </w:r>
    </w:p>
    <w:p>
      <w:pPr/>
      <w:r>
        <w:rPr>
          <w:rFonts w:ascii="Helvetica Light" w:hAnsi="Helvetica Light" w:cs="Helvetica Light"/>
          <w:sz w:val="24"/>
          <w:sz-cs w:val="24"/>
        </w:rPr>
        <w:t xml:space="preserve">{\plain \*\cs1 \par</w:t>
      </w:r>
    </w:p>
    <w:p>
      <w:pPr/>
      <w:r>
        <w:rPr>
          <w:rFonts w:ascii="Helvetica Light" w:hAnsi="Helvetica Light" w:cs="Helvetica Light"/>
          <w:sz w:val="24"/>
          <w:sz-cs w:val="24"/>
        </w:rPr>
        <w:t xml:space="preserve">}\pard \qj\fi720\tx0\tx0\tx720\tx1440\tx2160\tx2880\tx3600\tx4320\tx5040\tx5760\tx6480\tx7200\tx7920\tx8640\tx9360 </w:t>
      </w:r>
    </w:p>
    <w:p>
      <w:pPr/>
      <w:r>
        <w:rPr>
          <w:rFonts w:ascii="Helvetica Light" w:hAnsi="Helvetica Light" w:cs="Helvetica Light"/>
          <w:sz w:val="24"/>
          <w:sz-cs w:val="24"/>
        </w:rPr>
        <w:t xml:space="preserve">{\plain \*\cs1 \par</w:t>
      </w:r>
    </w:p>
    <w:p>
      <w:pPr/>
      <w:r>
        <w:rPr>
          <w:rFonts w:ascii="Helvetica Light" w:hAnsi="Helvetica Light" w:cs="Helvetica Light"/>
          <w:sz w:val="24"/>
          <w:sz-cs w:val="24"/>
        </w:rPr>
        <w:t xml:space="preserve">}{\plain \*\cs1 \par</w:t>
      </w:r>
    </w:p>
    <w:p>
      <w:pPr/>
      <w:r>
        <w:rPr>
          <w:rFonts w:ascii="Helvetica Light" w:hAnsi="Helvetica Light" w:cs="Helvetica Light"/>
          <w:sz w:val="24"/>
          <w:sz-cs w:val="24"/>
        </w:rPr>
        <w:t xml:space="preserve">}\pard\page </w:t>
      </w:r>
    </w:p>
    <w:p>
      <w:pPr/>
      <w:r>
        <w:rPr>
          <w:rFonts w:ascii="Helvetica Light" w:hAnsi="Helvetica Light" w:cs="Helvetica Light"/>
          <w:sz w:val="24"/>
          <w:sz-cs w:val="24"/>
        </w:rPr>
        <w:t xml:space="preserve">\sect \sectd \sbknone\headery288\footery1323 </w:t>
      </w:r>
    </w:p>
    <w:p>
      <w:pPr/>
      <w:r>
        <w:rPr>
          <w:rFonts w:ascii="Helvetica Light" w:hAnsi="Helvetica Light" w:cs="Helvetica Light"/>
          <w:sz w:val="24"/>
          <w:sz-cs w:val="24"/>
        </w:rPr>
        <w:t xml:space="preserve">{\header \pard \s2\qr\sl0\tx0\tx0\tqc\tx4320\tqr\tx8640\tx9360 </w:t>
      </w:r>
    </w:p>
    <w:p>
      <w:pPr/>
      <w:r>
        <w:rPr>
          <w:rFonts w:ascii="Helvetica Light" w:hAnsi="Helvetica Light" w:cs="Helvetica Light"/>
          <w:sz w:val="24"/>
          <w:sz-cs w:val="24"/>
        </w:rPr>
        <w:t xml:space="preserve">{\plain \*\cs1 }{\plain \*\cs1\i MARIAN TURZ}{\plain \*\cs1\i ANSKI [3-1-\chpgn ]}{\plain \i \par }}</w:t>
      </w:r>
    </w:p>
    <w:p>
      <w:pPr/>
      <w:r>
        <w:rPr>
          <w:rFonts w:ascii="Helvetica Light" w:hAnsi="Helvetica Light" w:cs="Helvetica Light"/>
          <w:sz w:val="24"/>
          <w:sz-cs w:val="24"/>
        </w:rPr>
        <w:t xml:space="preserve">{\footer \pard \sl261\tx-156\tx0\tx0\tx720\tx1440\tx2160\tx2880\tx3600\tx4320\tx5040\tx5760\tx6480\tx7200\tx7920\tx8640\tx9360 </w:t>
      </w:r>
    </w:p>
    <w:p>
      <w:pPr/>
      <w:r>
        <w:rPr>
          <w:rFonts w:ascii="Helvetica Light" w:hAnsi="Helvetica Light" w:cs="Helvetica Light"/>
          <w:sz w:val="24"/>
          <w:sz-cs w:val="24"/>
        </w:rPr>
        <w:t xml:space="preserve">{\plain \*\cs1 }{\plain \*\cs1\i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qj\sl395\tx0\tx0\tx720\tx1440\tx2160\tx2880\tx3600\tx4320\tx5040\tx5760\tx6480\tx7200\tx7920\tx8640\tx9360 </w:t>
      </w:r>
    </w:p>
    <w:p>
      <w:pPr/>
      <w:r>
        <w:rPr>
          <w:rFonts w:ascii="Helvetica Light" w:hAnsi="Helvetica Light" w:cs="Helvetica Light"/>
          <w:sz w:val="24"/>
          <w:sz-cs w:val="24"/>
        </w:rPr>
        <w:t xml:space="preserve">{\plain \*\cs1 }{\plain \*\cs1\i Tape three, side on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i }{\plain \*\cs1 JF:\tab You said that the Czechs made an arrangemen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Yes, we are in Prague right now, in a restaurant. Again, I don\'92t know whether I seen </w:t>
      </w:r>
    </w:p>
    <w:p>
      <w:pPr/>
      <w:r>
        <w:rPr>
          <w:rFonts w:ascii="Helvetica Light" w:hAnsi="Helvetica Light" w:cs="Helvetica Light"/>
          <w:sz w:val="24"/>
          <w:sz-cs w:val="24"/>
        </w:rPr>
        <w:t xml:space="preserve">other people or whether it was just us children that they allowed out, or whether we snuck away from </w:t>
      </w:r>
    </w:p>
    <w:p>
      <w:pPr/>
      <w:r>
        <w:rPr>
          <w:rFonts w:ascii="Helvetica Light" w:hAnsi="Helvetica Light" w:cs="Helvetica Light"/>
          <w:sz w:val="24"/>
          <w:sz-cs w:val="24"/>
        </w:rPr>
        <w:t xml:space="preserve">the train to get something to eat, because we became like hunted animals later on. On instinct we </w:t>
      </w:r>
    </w:p>
    <w:p>
      <w:pPr/>
      <w:r>
        <w:rPr>
          <w:rFonts w:ascii="Helvetica Light" w:hAnsi="Helvetica Light" w:cs="Helvetica Light"/>
          <w:sz w:val="24"/>
          <w:sz-cs w:val="24"/>
        </w:rPr>
        <w:t xml:space="preserve">would run and do things, which I will tell you later on what we did in Vienna.\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This was after you were in Prague, now?\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After we were in Prague. I know that we were some small restaurant, not too far from </w:t>
      </w:r>
    </w:p>
    <w:p>
      <w:pPr/>
      <w:r>
        <w:rPr>
          <w:rFonts w:ascii="Helvetica Light" w:hAnsi="Helvetica Light" w:cs="Helvetica Light"/>
          <w:sz w:val="24"/>
          <w:sz-cs w:val="24"/>
        </w:rPr>
        <w:t xml:space="preserve">the railroad station; not a restaurant, something like quick-foods something where you could get </w:t>
      </w:r>
    </w:p>
    <w:p>
      <w:pPr/>
      <w:r>
        <w:rPr>
          <w:rFonts w:ascii="Helvetica Light" w:hAnsi="Helvetica Light" w:cs="Helvetica Light"/>
          <w:sz w:val="24"/>
          <w:sz-cs w:val="24"/>
        </w:rPr>
        <w:t xml:space="preserve">something to ea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This was the stop after Pragu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in Prague. And we had some food but we didn\'92t bring any food with us so I guess </w:t>
      </w:r>
    </w:p>
    <w:p>
      <w:pPr/>
      <w:r>
        <w:rPr>
          <w:rFonts w:ascii="Helvetica Light" w:hAnsi="Helvetica Light" w:cs="Helvetica Light"/>
          <w:sz w:val="24"/>
          <w:sz-cs w:val="24"/>
        </w:rPr>
        <w:t xml:space="preserve">we ate some there and drank some red liquid. I think it was probably beer or wine; it was probably </w:t>
      </w:r>
    </w:p>
    <w:p>
      <w:pPr/>
      <w:r>
        <w:rPr>
          <w:rFonts w:ascii="Helvetica Light" w:hAnsi="Helvetica Light" w:cs="Helvetica Light"/>
          <w:sz w:val="24"/>
          <w:sz-cs w:val="24"/>
        </w:rPr>
        <w:t xml:space="preserve">wine because we drank in Hungary; it was like in France, in Hungary everybody drank wine. Not in </w:t>
      </w:r>
    </w:p>
    <w:p>
      <w:pPr/>
      <w:r>
        <w:rPr>
          <w:rFonts w:ascii="Helvetica Light" w:hAnsi="Helvetica Light" w:cs="Helvetica Light"/>
          <w:sz w:val="24"/>
          <w:sz-cs w:val="24"/>
        </w:rPr>
        <w:t xml:space="preserve">our house, but we went to Hungarians, to Lotsie\'92s house, and they would give us wine to drink. My </w:t>
      </w:r>
    </w:p>
    <w:p>
      <w:pPr/>
      <w:r>
        <w:rPr>
          <w:rFonts w:ascii="Helvetica Light" w:hAnsi="Helvetica Light" w:cs="Helvetica Light"/>
          <w:sz w:val="24"/>
          <w:sz-cs w:val="24"/>
        </w:rPr>
        <w:t xml:space="preserve">parents would get tremendously upset.  We would come back, "What did you drink?" We were </w:t>
      </w:r>
    </w:p>
    <w:p>
      <w:pPr/>
      <w:r>
        <w:rPr>
          <w:rFonts w:ascii="Helvetica Light" w:hAnsi="Helvetica Light" w:cs="Helvetica Light"/>
          <w:sz w:val="24"/>
          <w:sz-cs w:val="24"/>
        </w:rPr>
        <w:t xml:space="preserve">happy. We would say, "Well, they gave us wine." "What!" Well, in Prague, I think they give us beer, </w:t>
      </w:r>
    </w:p>
    <w:p>
      <w:pPr/>
      <w:r>
        <w:rPr>
          <w:rFonts w:ascii="Helvetica Light" w:hAnsi="Helvetica Light" w:cs="Helvetica Light"/>
          <w:sz w:val="24"/>
          <w:sz-cs w:val="24"/>
        </w:rPr>
        <w:t xml:space="preserve">but it was red or at least dark, maybe bock. So the Czechs made some kind of deal At that time I </w:t>
      </w:r>
    </w:p>
    <w:p>
      <w:pPr/>
      <w:r>
        <w:rPr>
          <w:rFonts w:ascii="Helvetica Light" w:hAnsi="Helvetica Light" w:cs="Helvetica Light"/>
          <w:sz w:val="24"/>
          <w:sz-cs w:val="24"/>
        </w:rPr>
        <w:t xml:space="preserve">didn\'92t know. They offered my father, they told him to run, to escape from the train and they\'92ll help </w:t>
      </w:r>
    </w:p>
    <w:p>
      <w:pPr/>
      <w:r>
        <w:rPr>
          <w:rFonts w:ascii="Helvetica Light" w:hAnsi="Helvetica Light" w:cs="Helvetica Light"/>
          <w:sz w:val="24"/>
          <w:sz-cs w:val="24"/>
        </w:rPr>
        <w:t xml:space="preserve">u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y did they single out your fath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He had Czech-- his mother was born in Czechoslovakia.\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How did they know tha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 guess he mentioned it to them, probably. He probably mentioned something about </w:t>
      </w:r>
    </w:p>
    <w:p>
      <w:pPr/>
      <w:r>
        <w:rPr>
          <w:rFonts w:ascii="Helvetica Light" w:hAnsi="Helvetica Light" w:cs="Helvetica Light"/>
          <w:sz w:val="24"/>
          <w:sz-cs w:val="24"/>
        </w:rPr>
        <w:t xml:space="preserve">the place where his mother was born. How far is it from here? or something. He probably aske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as it in this little restaurant where you were, or were these Czech guard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at\'92s something I just found our recently. I mean afterwards. I do not remember, </w:t>
      </w:r>
    </w:p>
    <w:p>
      <w:pPr/>
      <w:r>
        <w:rPr>
          <w:rFonts w:ascii="Helvetica Light" w:hAnsi="Helvetica Light" w:cs="Helvetica Light"/>
          <w:sz w:val="24"/>
          <w:sz-cs w:val="24"/>
        </w:rPr>
        <w:t xml:space="preserve">given this opportunity to hear that we were offered something. And, of course, I didn\'92t know what </w:t>
      </w:r>
    </w:p>
    <w:p>
      <w:pPr/>
      <w:r>
        <w:rPr>
          <w:rFonts w:ascii="Helvetica Light" w:hAnsi="Helvetica Light" w:cs="Helvetica Light"/>
          <w:sz w:val="24"/>
          <w:sz-cs w:val="24"/>
        </w:rPr>
        <w:t xml:space="preserve">was happening anyway. To me it was a great thing that I was eating someth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As he told you about it, where had he met these peopl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at was in a railroad station. I don\'92t know exactly where, but Czechs whispered to </w:t>
      </w:r>
    </w:p>
    <w:p>
      <w:pPr/>
      <w:r>
        <w:rPr>
          <w:rFonts w:ascii="Helvetica Light" w:hAnsi="Helvetica Light" w:cs="Helvetica Light"/>
          <w:sz w:val="24"/>
          <w:sz-cs w:val="24"/>
        </w:rPr>
        <w:t xml:space="preserve">him that you may run and we will help you, but then my mother said, "You must be kidding.  Look </w:t>
      </w:r>
    </w:p>
    <w:p>
      <w:pPr/>
      <w:r>
        <w:rPr>
          <w:rFonts w:ascii="Helvetica Light" w:hAnsi="Helvetica Light" w:cs="Helvetica Light"/>
          <w:sz w:val="24"/>
          <w:sz-cs w:val="24"/>
        </w:rPr>
        <w:t xml:space="preserve">at my children." And then, of course, we had my father\'92s mother with us and a crippled sister. She </w:t>
      </w:r>
    </w:p>
    <w:p>
      <w:pPr/>
      <w:r>
        <w:rPr>
          <w:rFonts w:ascii="Helvetica Light" w:hAnsi="Helvetica Light" w:cs="Helvetica Light"/>
          <w:sz w:val="24"/>
          <w:sz-cs w:val="24"/>
        </w:rPr>
        <w:t xml:space="preserve">said, "You must be kidding. They will shoot us on the first -- They will get us before we have a </w:t>
      </w:r>
    </w:p>
    <w:p>
      <w:pPr/>
      <w:r>
        <w:rPr>
          <w:rFonts w:ascii="Helvetica Light" w:hAnsi="Helvetica Light" w:cs="Helvetica Light"/>
          <w:sz w:val="24"/>
          <w:sz-cs w:val="24"/>
        </w:rPr>
        <w:t xml:space="preserve">chance to run."  So, we stayed. I guess they thanked them for the offer. Somebody must have </w:t>
      </w:r>
    </w:p>
    <w:p>
      <w:pPr/>
      <w:r>
        <w:rPr>
          <w:rFonts w:ascii="Helvetica Light" w:hAnsi="Helvetica Light" w:cs="Helvetica Light"/>
          <w:sz w:val="24"/>
          <w:sz-cs w:val="24"/>
        </w:rPr>
        <w:t xml:space="preserve">approached them and said, "You know what? We can help you." But there was no chance because, </w:t>
      </w:r>
    </w:p>
    <w:p>
      <w:pPr/>
      <w:r>
        <w:rPr>
          <w:rFonts w:ascii="Helvetica Light" w:hAnsi="Helvetica Light" w:cs="Helvetica Light"/>
          <w:sz w:val="24"/>
          <w:sz-cs w:val="24"/>
        </w:rPr>
        <w:t xml:space="preserve">yes, you can run alone, but you can\'92t run with a family. Nobody can run with four kids, six, eight </w:t>
      </w:r>
    </w:p>
    <w:p>
      <w:pPr/>
      <w:r>
        <w:rPr>
          <w:rFonts w:ascii="Helvetica Light" w:hAnsi="Helvetica Light" w:cs="Helvetica Light"/>
          <w:sz w:val="24"/>
          <w:sz-cs w:val="24"/>
        </w:rPr>
        <w:t xml:space="preserve">people just. Then they locked us up again and we were on our way to Germany. There wasn\'92t much </w:t>
      </w:r>
    </w:p>
    <w:p>
      <w:pPr/>
      <w:r>
        <w:rPr>
          <w:rFonts w:ascii="Helvetica Light" w:hAnsi="Helvetica Light" w:cs="Helvetica Light"/>
          <w:sz w:val="24"/>
          <w:sz-cs w:val="24"/>
        </w:rPr>
        <w:t xml:space="preserve">we could see through there-- cracks on the train. But we were observing. The territory was changing. </w:t>
      </w:r>
    </w:p>
    <w:p>
      <w:pPr/>
      <w:r>
        <w:rPr>
          <w:rFonts w:ascii="Helvetica Light" w:hAnsi="Helvetica Light" w:cs="Helvetica Light"/>
          <w:sz w:val="24"/>
          <w:sz-cs w:val="24"/>
        </w:rPr>
        <w:t xml:space="preserve">Once it was mountains, one was trees and then city, and then again just open fields. Finally we were </w:t>
      </w:r>
    </w:p>
    <w:p>
      <w:pPr/>
      <w:r>
        <w:rPr>
          <w:rFonts w:ascii="Helvetica Light" w:hAnsi="Helvetica Light" w:cs="Helvetica Light"/>
          <w:sz w:val="24"/>
          <w:sz-cs w:val="24"/>
        </w:rPr>
        <w:t xml:space="preserve">in Austria. We were driving by a big concentration camp, big towers on the corners, and tremendous </w:t>
      </w:r>
    </w:p>
    <w:p>
      <w:pPr/>
      <w:r>
        <w:rPr>
          <w:rFonts w:ascii="Helvetica Light" w:hAnsi="Helvetica Light" w:cs="Helvetica Light"/>
          <w:sz w:val="24"/>
          <w:sz-cs w:val="24"/>
        </w:rPr>
        <w:t xml:space="preserve">fencing around like I never saw in my life. That\'92s the kind of setup-- and they were saying, "That that </w:t>
      </w:r>
    </w:p>
    <w:p>
      <w:pPr/>
      <w:r>
        <w:rPr>
          <w:rFonts w:ascii="Helvetica Light" w:hAnsi="Helvetica Light" w:cs="Helvetica Light"/>
          <w:sz w:val="24"/>
          <w:sz-cs w:val="24"/>
        </w:rPr>
        <w:t xml:space="preserve">is where Horthy, Miklos is-- was taken to." Now Horthy, Miklos was President [Regent] of Hungary </w:t>
      </w:r>
    </w:p>
    <w:p>
      <w:pPr/>
      <w:r>
        <w:rPr>
          <w:rFonts w:ascii="Helvetica Light" w:hAnsi="Helvetica Light" w:cs="Helvetica Light"/>
          <w:sz w:val="24"/>
          <w:sz-cs w:val="24"/>
        </w:rPr>
        <w:t xml:space="preserve">at the time I was there. That\'92s a name I remember because they had a lot of songs written about him, </w:t>
      </w:r>
    </w:p>
    <w:p>
      <w:pPr/>
      <w:r>
        <w:rPr>
          <w:rFonts w:ascii="Helvetica Light" w:hAnsi="Helvetica Light" w:cs="Helvetica Light"/>
          <w:sz w:val="24"/>
          <w:sz-cs w:val="24"/>
        </w:rPr>
        <w:t xml:space="preserve">Horthy, Miklos. He was arrested and taken there by Germans and thrown into the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What camp was thi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t was in Austria. I don\'92t know. I really don\'92t know, and I still don\'92t know because </w:t>
      </w:r>
    </w:p>
    <w:p>
      <w:pPr/>
      <w:r>
        <w:rPr>
          <w:rFonts w:ascii="Helvetica Light" w:hAnsi="Helvetica Light" w:cs="Helvetica Light"/>
          <w:sz w:val="24"/>
          <w:sz-cs w:val="24"/>
        </w:rPr>
        <w:t xml:space="preserve">I never did inquire. I remember seeing-- I still see the picture and they said, "That\'92s where he is," and </w:t>
      </w:r>
    </w:p>
    <w:p>
      <w:pPr/>
      <w:r>
        <w:rPr>
          <w:rFonts w:ascii="Helvetica Light" w:hAnsi="Helvetica Light" w:cs="Helvetica Light"/>
          <w:sz w:val="24"/>
          <w:sz-cs w:val="24"/>
        </w:rPr>
        <w:t xml:space="preserve">we wonder what kind of camp we will be in. Shortly after that we landed in Vienna, Vienna shortly, </w:t>
      </w:r>
    </w:p>
    <w:p>
      <w:pPr/>
      <w:r>
        <w:rPr>
          <w:rFonts w:ascii="Helvetica Light" w:hAnsi="Helvetica Light" w:cs="Helvetica Light"/>
          <w:sz w:val="24"/>
          <w:sz-cs w:val="24"/>
        </w:rPr>
        <w:t xml:space="preserve">I don\'92t know how shortly, but my next memory is Vienna, Austria. A big ferris wheel. In Poland, they </w:t>
      </w:r>
    </w:p>
    <w:p>
      <w:pPr/>
      <w:r>
        <w:rPr>
          <w:rFonts w:ascii="Helvetica Light" w:hAnsi="Helvetica Light" w:cs="Helvetica Light"/>
          <w:sz w:val="24"/>
          <w:sz-cs w:val="24"/>
        </w:rPr>
        <w:t xml:space="preserve">call it \'93Vienna wheel\'94, a big one, not too far from the railroad station that I can see. A real huge one. </w:t>
      </w:r>
    </w:p>
    <w:p>
      <w:pPr/>
      <w:r>
        <w:rPr>
          <w:rFonts w:ascii="Helvetica Light" w:hAnsi="Helvetica Light" w:cs="Helvetica Light"/>
          <w:sz w:val="24"/>
          <w:sz-cs w:val="24"/>
        </w:rPr>
        <w:t xml:space="preserve">Looking at it the way I see it now it\'92s probably like 200 feet in diameter, probably. A real huge ferris </w:t>
      </w:r>
    </w:p>
    <w:p>
      <w:pPr/>
      <w:r>
        <w:rPr>
          <w:rFonts w:ascii="Helvetica Light" w:hAnsi="Helvetica Light" w:cs="Helvetica Light"/>
          <w:sz w:val="24"/>
          <w:sz-cs w:val="24"/>
        </w:rPr>
        <w:t xml:space="preserve">wheel; the railroad station not too far from it. Awful lot of destruction in the area from bombs. A lot </w:t>
      </w:r>
    </w:p>
    <w:p>
      <w:pPr/>
      <w:r>
        <w:rPr>
          <w:rFonts w:ascii="Helvetica Light" w:hAnsi="Helvetica Light" w:cs="Helvetica Light"/>
          <w:sz w:val="24"/>
          <w:sz-cs w:val="24"/>
        </w:rPr>
        <w:t xml:space="preserve">of small fragments of bombs and a lot of small, like metal, more bigger than beebees that they put into </w:t>
      </w:r>
    </w:p>
    <w:p>
      <w:pPr/>
      <w:r>
        <w:rPr>
          <w:rFonts w:ascii="Helvetica Light" w:hAnsi="Helvetica Light" w:cs="Helvetica Light"/>
          <w:sz w:val="24"/>
          <w:sz-cs w:val="24"/>
        </w:rPr>
        <w:t xml:space="preserve">bombs-- shrapnel type things, laying all around and we were asking, \'93What is that?\'94 \'93That\'92s from the </w:t>
      </w:r>
    </w:p>
    <w:p>
      <w:pPr/>
      <w:r>
        <w:rPr>
          <w:rFonts w:ascii="Helvetica Light" w:hAnsi="Helvetica Light" w:cs="Helvetica Light"/>
          <w:sz w:val="24"/>
          <w:sz-cs w:val="24"/>
        </w:rPr>
        <w:t xml:space="preserve">bombs. That kills better-- All of that metal flying around.\'94 Then we were let out of the trains because </w:t>
      </w:r>
    </w:p>
    <w:p>
      <w:pPr/>
      <w:r>
        <w:rPr>
          <w:rFonts w:ascii="Helvetica Light" w:hAnsi="Helvetica Light" w:cs="Helvetica Light"/>
          <w:sz w:val="24"/>
          <w:sz-cs w:val="24"/>
        </w:rPr>
        <w:t xml:space="preserve">we have reached our destination. They were going to do something with us in Vienna, now. We had </w:t>
      </w:r>
    </w:p>
    <w:p>
      <w:pPr/>
      <w:r>
        <w:rPr>
          <w:rFonts w:ascii="Helvetica Light" w:hAnsi="Helvetica Light" w:cs="Helvetica Light"/>
          <w:sz w:val="24"/>
          <w:sz-cs w:val="24"/>
        </w:rPr>
        <w:t xml:space="preserve">to wait and wait. No foo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had been on the train three day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ree days. Three days, I think, at least. Maybe it was four by the time we got to </w:t>
      </w:r>
    </w:p>
    <w:p>
      <w:pPr/>
      <w:r>
        <w:rPr>
          <w:rFonts w:ascii="Helvetica Light" w:hAnsi="Helvetica Light" w:cs="Helvetica Light"/>
          <w:sz w:val="24"/>
          <w:sz-cs w:val="24"/>
        </w:rPr>
        <w:t xml:space="preserve">Vienna. I think it took about three days to get to Prague and then another day probably from Prague </w:t>
      </w:r>
    </w:p>
    <w:p>
      <w:pPr/>
      <w:r>
        <w:rPr>
          <w:rFonts w:ascii="Helvetica Light" w:hAnsi="Helvetica Light" w:cs="Helvetica Light"/>
          <w:sz w:val="24"/>
          <w:sz-cs w:val="24"/>
        </w:rPr>
        <w:t xml:space="preserve">to Vienna, American planes, or, was it some other instance when we were traveling? Perhaps it was </w:t>
      </w:r>
    </w:p>
    <w:p>
      <w:pPr/>
      <w:r>
        <w:rPr>
          <w:rFonts w:ascii="Helvetica Light" w:hAnsi="Helvetica Light" w:cs="Helvetica Light"/>
          <w:sz w:val="24"/>
          <w:sz-cs w:val="24"/>
        </w:rPr>
        <w:t xml:space="preserve">later. It was not that early because I don\'92t think American planes were in that area. But one time we </w:t>
      </w:r>
    </w:p>
    <w:p>
      <w:pPr/>
      <w:r>
        <w:rPr>
          <w:rFonts w:ascii="Helvetica Light" w:hAnsi="Helvetica Light" w:cs="Helvetica Light"/>
          <w:sz w:val="24"/>
          <w:sz-cs w:val="24"/>
        </w:rPr>
        <w:t xml:space="preserve">were chased by American planes, and they parked the train in a tunnel for quite a while and then they </w:t>
      </w:r>
    </w:p>
    <w:p>
      <w:pPr/>
      <w:r>
        <w:rPr>
          <w:rFonts w:ascii="Helvetica Light" w:hAnsi="Helvetica Light" w:cs="Helvetica Light"/>
          <w:sz w:val="24"/>
          <w:sz-cs w:val="24"/>
        </w:rPr>
        <w:t xml:space="preserve">started again, but I think it was later on when they took us from one camp to another. In Vienna, here </w:t>
      </w:r>
    </w:p>
    <w:p>
      <w:pPr/>
      <w:r>
        <w:rPr>
          <w:rFonts w:ascii="Helvetica Light" w:hAnsi="Helvetica Light" w:cs="Helvetica Light"/>
          <w:sz w:val="24"/>
          <w:sz-cs w:val="24"/>
        </w:rPr>
        <w:t xml:space="preserve">we are in Vienna. We are all out of the train now, waiting under guns. Now we, as boys, I and my </w:t>
      </w:r>
    </w:p>
    <w:p>
      <w:pPr/>
      <w:r>
        <w:rPr>
          <w:rFonts w:ascii="Helvetica Light" w:hAnsi="Helvetica Light" w:cs="Helvetica Light"/>
          <w:sz w:val="24"/>
          <w:sz-cs w:val="24"/>
        </w:rPr>
        <w:t xml:space="preserve">older brother, we were the messengers in Hungary for my father. Whatever messages he wanted to </w:t>
      </w:r>
    </w:p>
    <w:p>
      <w:pPr/>
      <w:r>
        <w:rPr>
          <w:rFonts w:ascii="Helvetica Light" w:hAnsi="Helvetica Light" w:cs="Helvetica Light"/>
          <w:sz w:val="24"/>
          <w:sz-cs w:val="24"/>
        </w:rPr>
        <w:t xml:space="preserve">send, political messages, signals from him to his subordinates, he would use us and we would deliver </w:t>
      </w:r>
    </w:p>
    <w:p>
      <w:pPr/>
      <w:r>
        <w:rPr>
          <w:rFonts w:ascii="Helvetica Light" w:hAnsi="Helvetica Light" w:cs="Helvetica Light"/>
          <w:sz w:val="24"/>
          <w:sz-cs w:val="24"/>
        </w:rPr>
        <w:t xml:space="preserve">the messages, not knowing what is in them but deliver the envelope, deliver the piece of pap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You were aware of what kind of work he was do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Yes, and we were very strongly taught that we are Poles and our-- we owe our </w:t>
      </w:r>
    </w:p>
    <w:p>
      <w:pPr/>
      <w:r>
        <w:rPr>
          <w:rFonts w:ascii="Helvetica Light" w:hAnsi="Helvetica Light" w:cs="Helvetica Light"/>
          <w:sz w:val="24"/>
          <w:sz-cs w:val="24"/>
        </w:rPr>
        <w:t xml:space="preserve">country our lives, so whatever we did to destroy the enemy, you must remember that you are a Pole. </w:t>
      </w:r>
    </w:p>
    <w:p>
      <w:pPr/>
      <w:r>
        <w:rPr>
          <w:rFonts w:ascii="Helvetica Light" w:hAnsi="Helvetica Light" w:cs="Helvetica Light"/>
          <w:sz w:val="24"/>
          <w:sz-cs w:val="24"/>
        </w:rPr>
        <w:t xml:space="preserve">So, in Vienna we saw the express trains for the first time in our lives. They were electrical trains, full </w:t>
      </w:r>
    </w:p>
    <w:p>
      <w:pPr/>
      <w:r>
        <w:rPr>
          <w:rFonts w:ascii="Helvetica Light" w:hAnsi="Helvetica Light" w:cs="Helvetica Light"/>
          <w:sz w:val="24"/>
          <w:sz-cs w:val="24"/>
        </w:rPr>
        <w:t xml:space="preserve">of German brass, soldiers. In the windows, we could see them. Somehow we got away, me and my </w:t>
      </w:r>
    </w:p>
    <w:p>
      <w:pPr/>
      <w:r>
        <w:rPr>
          <w:rFonts w:ascii="Helvetica Light" w:hAnsi="Helvetica Light" w:cs="Helvetica Light"/>
          <w:sz w:val="24"/>
          <w:sz-cs w:val="24"/>
        </w:rPr>
        <w:t xml:space="preserve">brother, far enough that we found a piece of railroad track, a good sized metal, maybe about 4 feet, </w:t>
      </w:r>
    </w:p>
    <w:p>
      <w:pPr/>
      <w:r>
        <w:rPr>
          <w:rFonts w:ascii="Helvetica Light" w:hAnsi="Helvetica Light" w:cs="Helvetica Light"/>
          <w:sz w:val="24"/>
          <w:sz-cs w:val="24"/>
        </w:rPr>
        <w:t xml:space="preserve">31/2 feet in length, and we went and we put it across the railroad track on one side, propped it up </w:t>
      </w:r>
    </w:p>
    <w:p>
      <w:pPr/>
      <w:r>
        <w:rPr>
          <w:rFonts w:ascii="Helvetica Light" w:hAnsi="Helvetica Light" w:cs="Helvetica Light"/>
          <w:sz w:val="24"/>
          <w:sz-cs w:val="24"/>
        </w:rPr>
        <w:t xml:space="preserve">with rocks, and ran back to our group, to our parents, and we said, "Do you know what we did? Just </w:t>
      </w:r>
    </w:p>
    <w:p>
      <w:pPr/>
      <w:r>
        <w:rPr>
          <w:rFonts w:ascii="Helvetica Light" w:hAnsi="Helvetica Light" w:cs="Helvetica Light"/>
          <w:sz w:val="24"/>
          <w:sz-cs w:val="24"/>
        </w:rPr>
        <w:t xml:space="preserve">watch this. The next train that comes through here is going to go off. We put a piece of steel across </w:t>
      </w:r>
    </w:p>
    <w:p>
      <w:pPr/>
      <w:r>
        <w:rPr>
          <w:rFonts w:ascii="Helvetica Light" w:hAnsi="Helvetica Light" w:cs="Helvetica Light"/>
          <w:sz w:val="24"/>
          <w:sz-cs w:val="24"/>
        </w:rPr>
        <w:t xml:space="preserve">the tracks." And my mother said, "Do you know what you did? We are all dead, as soon as the train </w:t>
      </w:r>
    </w:p>
    <w:p>
      <w:pPr/>
      <w:r>
        <w:rPr>
          <w:rFonts w:ascii="Helvetica Light" w:hAnsi="Helvetica Light" w:cs="Helvetica Light"/>
          <w:sz w:val="24"/>
          <w:sz-cs w:val="24"/>
        </w:rPr>
        <w:t xml:space="preserve">goes off, we are all dead, these soldiers with these guns will shoot us immediately." We had to sneak </w:t>
      </w:r>
    </w:p>
    <w:p>
      <w:pPr/>
      <w:r>
        <w:rPr>
          <w:rFonts w:ascii="Helvetica Light" w:hAnsi="Helvetica Light" w:cs="Helvetica Light"/>
          <w:sz w:val="24"/>
          <w:sz-cs w:val="24"/>
        </w:rPr>
        <w:t xml:space="preserve">back, crawl back, almost, pull and jerk this thing out, we had a hard time pulling it out. I don\'92t know </w:t>
      </w:r>
    </w:p>
    <w:p>
      <w:pPr/>
      <w:r>
        <w:rPr>
          <w:rFonts w:ascii="Helvetica Light" w:hAnsi="Helvetica Light" w:cs="Helvetica Light"/>
          <w:sz w:val="24"/>
          <w:sz-cs w:val="24"/>
        </w:rPr>
        <w:t xml:space="preserve">how we pulled it out, it was a heavy thing, and within seconds, half a minute or so, the train comes </w:t>
      </w:r>
    </w:p>
    <w:p>
      <w:pPr/>
      <w:r>
        <w:rPr>
          <w:rFonts w:ascii="Helvetica Light" w:hAnsi="Helvetica Light" w:cs="Helvetica Light"/>
          <w:sz w:val="24"/>
          <w:sz-cs w:val="24"/>
        </w:rPr>
        <w:t xml:space="preserve">through. (makes sound). Electrical. And that was the end. Now we are very happy that we did </w:t>
      </w:r>
    </w:p>
    <w:p>
      <w:pPr/>
      <w:r>
        <w:rPr>
          <w:rFonts w:ascii="Helvetica Light" w:hAnsi="Helvetica Light" w:cs="Helvetica Light"/>
          <w:sz w:val="24"/>
          <w:sz-cs w:val="24"/>
        </w:rPr>
        <w:t xml:space="preserve">something wonderful, but it was actually something very stupi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You felt good when you did i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We felt good, but it was a stupid act. Maybe a hundred or soldiers or whatever would </w:t>
      </w:r>
    </w:p>
    <w:p>
      <w:pPr/>
      <w:r>
        <w:rPr>
          <w:rFonts w:ascii="Helvetica Light" w:hAnsi="Helvetica Light" w:cs="Helvetica Light"/>
          <w:sz w:val="24"/>
          <w:sz-cs w:val="24"/>
        </w:rPr>
        <w:t xml:space="preserve">have got messed up but, then, all of us would have been dead, because they never did hesitate to do </w:t>
      </w:r>
    </w:p>
    <w:p>
      <w:pPr/>
      <w:r>
        <w:rPr>
          <w:rFonts w:ascii="Helvetica Light" w:hAnsi="Helvetica Light" w:cs="Helvetica Light"/>
          <w:sz w:val="24"/>
          <w:sz-cs w:val="24"/>
        </w:rPr>
        <w:t xml:space="preserve">that, I guess.  From there they took us to the nearest camp, Strasshof. Strasshof from Vienna is </w:t>
      </w:r>
    </w:p>
    <w:p>
      <w:pPr/>
      <w:r>
        <w:rPr>
          <w:rFonts w:ascii="Helvetica Light" w:hAnsi="Helvetica Light" w:cs="Helvetica Light"/>
          <w:sz w:val="24"/>
          <w:sz-cs w:val="24"/>
        </w:rPr>
        <w:t xml:space="preserve">probably 3 \'bd kilometers, something like that, not too far. It is a small community, probably, but it </w:t>
      </w:r>
    </w:p>
    <w:p>
      <w:pPr/>
      <w:r>
        <w:rPr>
          <w:rFonts w:ascii="Helvetica Light" w:hAnsi="Helvetica Light" w:cs="Helvetica Light"/>
          <w:sz w:val="24"/>
          <w:sz-cs w:val="24"/>
        </w:rPr>
        <w:t xml:space="preserve">was a camp, with snow all over. They ha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is was in Austria?\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Austria. The first camp we went to, Strasshof. As soon as we went in, who meets us </w:t>
      </w:r>
    </w:p>
    <w:p>
      <w:pPr/>
      <w:r>
        <w:rPr>
          <w:rFonts w:ascii="Helvetica Light" w:hAnsi="Helvetica Light" w:cs="Helvetica Light"/>
          <w:sz w:val="24"/>
          <w:sz-cs w:val="24"/>
        </w:rPr>
        <w:t xml:space="preserve">at the gate, in beautiful German uniforms, shiny, scary, but the language is Ukrainian. "Welcome to </w:t>
      </w:r>
    </w:p>
    <w:p>
      <w:pPr/>
      <w:r>
        <w:rPr>
          <w:rFonts w:ascii="Helvetica Light" w:hAnsi="Helvetica Light" w:cs="Helvetica Light"/>
          <w:sz w:val="24"/>
          <w:sz-cs w:val="24"/>
        </w:rPr>
        <w:t xml:space="preserve">the camp," in their language. I didn\'92t realize what that meant, but my parents must have. Not </w:t>
      </w:r>
    </w:p>
    <w:p>
      <w:pPr/>
      <w:r>
        <w:rPr>
          <w:rFonts w:ascii="Helvetica Light" w:hAnsi="Helvetica Light" w:cs="Helvetica Light"/>
          <w:sz w:val="24"/>
          <w:sz-cs w:val="24"/>
        </w:rPr>
        <w:t xml:space="preserve">everybody was from the same territory that we were in that group. Some people came from Warsaw, </w:t>
      </w:r>
    </w:p>
    <w:p>
      <w:pPr/>
      <w:r>
        <w:rPr>
          <w:rFonts w:ascii="Helvetica Light" w:hAnsi="Helvetica Light" w:cs="Helvetica Light"/>
          <w:sz w:val="24"/>
          <w:sz-cs w:val="24"/>
        </w:rPr>
        <w:t xml:space="preserve">some came from completely different parts of Poland, and they just ended up in Hungary. Now, we </w:t>
      </w:r>
    </w:p>
    <w:p>
      <w:pPr/>
      <w:r>
        <w:rPr>
          <w:rFonts w:ascii="Helvetica Light" w:hAnsi="Helvetica Light" w:cs="Helvetica Light"/>
          <w:sz w:val="24"/>
          <w:sz-cs w:val="24"/>
        </w:rPr>
        <w:t xml:space="preserve">were from the territory that they were after us. We ran away from them. They recognized one man, </w:t>
      </w:r>
    </w:p>
    <w:p>
      <w:pPr/>
      <w:r>
        <w:rPr>
          <w:rFonts w:ascii="Helvetica Light" w:hAnsi="Helvetica Light" w:cs="Helvetica Light"/>
          <w:sz w:val="24"/>
          <w:sz-cs w:val="24"/>
        </w:rPr>
        <w:t xml:space="preserve">two men. One was a police chief in one city, another was his assistant to the police chief.\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o recognized the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e Ukrainian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The Ukrainian guards recognized the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ey weren\'92t even guards. They were hired. They had almost SS uniforms, almost </w:t>
      </w:r>
    </w:p>
    <w:p>
      <w:pPr/>
      <w:r>
        <w:rPr>
          <w:rFonts w:ascii="Helvetica Light" w:hAnsi="Helvetica Light" w:cs="Helvetica Light"/>
          <w:sz w:val="24"/>
          <w:sz-cs w:val="24"/>
        </w:rPr>
        <w:t xml:space="preserve">Gestapo-type uniforms; they were the Gestapo-type something. They had those dark uniforms, not </w:t>
      </w:r>
    </w:p>
    <w:p>
      <w:pPr/>
      <w:r>
        <w:rPr>
          <w:rFonts w:ascii="Helvetica Light" w:hAnsi="Helvetica Light" w:cs="Helvetica Light"/>
          <w:sz w:val="24"/>
          <w:sz-cs w:val="24"/>
        </w:rPr>
        <w:t xml:space="preserve">the regular grey. They had the beautiful officer\'92s thing. I remember in a barrack, they walked up to </w:t>
      </w:r>
    </w:p>
    <w:p>
      <w:pPr/>
      <w:r>
        <w:rPr>
          <w:rFonts w:ascii="Helvetica Light" w:hAnsi="Helvetica Light" w:cs="Helvetica Light"/>
          <w:sz w:val="24"/>
          <w:sz-cs w:val="24"/>
        </w:rPr>
        <w:t xml:space="preserve">him and took out the big gloves. They had the big gloves behind their belts, just like knights, and hit </w:t>
      </w:r>
    </w:p>
    <w:p>
      <w:pPr/>
      <w:r>
        <w:rPr>
          <w:rFonts w:ascii="Helvetica Light" w:hAnsi="Helvetica Light" w:cs="Helvetica Light"/>
          <w:sz w:val="24"/>
          <w:sz-cs w:val="24"/>
        </w:rPr>
        <w:t xml:space="preserve">him across the face and said, \'93}{\plain \i Meine liebe Plata}{\plain ,\'94 my dear Plata. His name was Plata, and he looked </w:t>
      </w:r>
    </w:p>
    <w:p>
      <w:pPr/>
      <w:r>
        <w:rPr>
          <w:rFonts w:ascii="Helvetica Light" w:hAnsi="Helvetica Light" w:cs="Helvetica Light"/>
          <w:sz w:val="24"/>
          <w:sz-cs w:val="24"/>
        </w:rPr>
        <w:t xml:space="preserve">at the guy and he got white all over. I didn\'92t know what that meant, and that was the only incident, </w:t>
      </w:r>
    </w:p>
    <w:p>
      <w:pPr/>
      <w:r>
        <w:rPr>
          <w:rFonts w:ascii="Helvetica Light" w:hAnsi="Helvetica Light" w:cs="Helvetica Light"/>
          <w:sz w:val="24"/>
          <w:sz-cs w:val="24"/>
        </w:rPr>
        <w:t xml:space="preserve">and they called him out. They went out, a couple goonies came in, Ukrainians in regular uniforms, </w:t>
      </w:r>
    </w:p>
    <w:p>
      <w:pPr/>
      <w:r>
        <w:rPr>
          <w:rFonts w:ascii="Helvetica Light" w:hAnsi="Helvetica Light" w:cs="Helvetica Light"/>
          <w:sz w:val="24"/>
          <w:sz-cs w:val="24"/>
        </w:rPr>
        <w:t xml:space="preserve">gray uniforms, took hi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ook Plata?\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ook Plata, and I forgot the other guy\'92s name, older guy. The other guy was like 60 </w:t>
      </w:r>
    </w:p>
    <w:p>
      <w:pPr/>
      <w:r>
        <w:rPr>
          <w:rFonts w:ascii="Helvetica Light" w:hAnsi="Helvetica Light" w:cs="Helvetica Light"/>
          <w:sz w:val="24"/>
          <w:sz-cs w:val="24"/>
        </w:rPr>
        <w:t xml:space="preserve">or 70 years ol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This was the police chief?\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Police chief. Plata was-- I went to school with his children, his sons. He was a little </w:t>
      </w:r>
    </w:p>
    <w:p>
      <w:pPr/>
      <w:r>
        <w:rPr>
          <w:rFonts w:ascii="Helvetica Light" w:hAnsi="Helvetica Light" w:cs="Helvetica Light"/>
          <w:sz w:val="24"/>
          <w:sz-cs w:val="24"/>
        </w:rPr>
        <w:t xml:space="preserve">bit younger than my father was, I think, the assistant police chief. It turned out later on, that they took </w:t>
      </w:r>
    </w:p>
    <w:p>
      <w:pPr/>
      <w:r>
        <w:rPr>
          <w:rFonts w:ascii="Helvetica Light" w:hAnsi="Helvetica Light" w:cs="Helvetica Light"/>
          <w:sz w:val="24"/>
          <w:sz-cs w:val="24"/>
        </w:rPr>
        <w:t xml:space="preserve">them out, both of them, and maybe 6 hours later, at night, it was late at night, when the old man came </w:t>
      </w:r>
    </w:p>
    <w:p>
      <w:pPr/>
      <w:r>
        <w:rPr>
          <w:rFonts w:ascii="Helvetica Light" w:hAnsi="Helvetica Light" w:cs="Helvetica Light"/>
          <w:sz w:val="24"/>
          <w:sz-cs w:val="24"/>
        </w:rPr>
        <w:t xml:space="preserve">back.\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The old man was the assistant or the chief?\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e chief.\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The chief and Plata was the assistan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e old man came back to the barrack, like tha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Holding his hea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Holding his head with no teeth-- I don\'92t know, like a regular train ran through his head </w:t>
      </w:r>
    </w:p>
    <w:p>
      <w:pPr/>
      <w:r>
        <w:rPr>
          <w:rFonts w:ascii="Helvetica Light" w:hAnsi="Helvetica Light" w:cs="Helvetica Light"/>
          <w:sz w:val="24"/>
          <w:sz-cs w:val="24"/>
        </w:rPr>
        <w:t xml:space="preserve">and everything. And they were talking to him. I guess he couldn\'92t hear, just very-- probably beat up. </w:t>
      </w:r>
    </w:p>
    <w:p>
      <w:pPr/>
      <w:r>
        <w:rPr>
          <w:rFonts w:ascii="Helvetica Light" w:hAnsi="Helvetica Light" w:cs="Helvetica Light"/>
          <w:sz w:val="24"/>
          <w:sz-cs w:val="24"/>
        </w:rPr>
        <w:t xml:space="preserve">The other guy never came back.\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Plata never came back?}{\plain \line \tab MT:\tab No. Plata, I found out, because we were all so curious what happened, we talked to </w:t>
      </w:r>
    </w:p>
    <w:p>
      <w:pPr/>
      <w:r>
        <w:rPr>
          <w:rFonts w:ascii="Helvetica Light" w:hAnsi="Helvetica Light" w:cs="Helvetica Light"/>
          <w:sz w:val="24"/>
          <w:sz-cs w:val="24"/>
        </w:rPr>
        <w:t xml:space="preserve">the sons, what happened. He arrested a guy for stealing a pi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The Ukrainian guar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e Ukrainian was in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 jail. Plata arrested him and put him in jail. Now I did not mention </w:t>
      </w:r>
    </w:p>
    <w:p>
      <w:pPr/>
      <w:r>
        <w:rPr>
          <w:rFonts w:ascii="Helvetica Light" w:hAnsi="Helvetica Light" w:cs="Helvetica Light"/>
          <w:sz w:val="24"/>
          <w:sz-cs w:val="24"/>
        </w:rPr>
        <w:t xml:space="preserve">it. When Germans came to Poland, the first thing they did is they released the prisons. All the </w:t>
      </w:r>
    </w:p>
    <w:p>
      <w:pPr/>
      <w:r>
        <w:rPr>
          <w:rFonts w:ascii="Helvetica Light" w:hAnsi="Helvetica Light" w:cs="Helvetica Light"/>
          <w:sz w:val="24"/>
          <w:sz-cs w:val="24"/>
        </w:rPr>
        <w:t xml:space="preserve">prisoners got a rank of some sort and they said, "You know whom to get, go and get them." So there </w:t>
      </w:r>
    </w:p>
    <w:p>
      <w:pPr/>
      <w:r>
        <w:rPr>
          <w:rFonts w:ascii="Helvetica Light" w:hAnsi="Helvetica Light" w:cs="Helvetica Light"/>
          <w:sz w:val="24"/>
          <w:sz-cs w:val="24"/>
        </w:rPr>
        <w:t xml:space="preserve">was the one thing, to control the territory like that when you just take over, you release the prisoners </w:t>
      </w:r>
    </w:p>
    <w:p>
      <w:pPr/>
      <w:r>
        <w:rPr>
          <w:rFonts w:ascii="Helvetica Light" w:hAnsi="Helvetica Light" w:cs="Helvetica Light"/>
          <w:sz w:val="24"/>
          <w:sz-cs w:val="24"/>
        </w:rPr>
        <w:t xml:space="preserve">and those people know who the people were in charge, who the people they hated. "Go and get </w:t>
      </w:r>
    </w:p>
    <w:p>
      <w:pPr/>
      <w:r>
        <w:rPr>
          <w:rFonts w:ascii="Helvetica Light" w:hAnsi="Helvetica Light" w:cs="Helvetica Light"/>
          <w:sz w:val="24"/>
          <w:sz-cs w:val="24"/>
        </w:rPr>
        <w:t xml:space="preserve">them." So he was one of them. He had already a beautiful position in German hierarchy, in German </w:t>
      </w:r>
    </w:p>
    <w:p>
      <w:pPr/>
      <w:r>
        <w:rPr>
          <w:rFonts w:ascii="Helvetica Light" w:hAnsi="Helvetica Light" w:cs="Helvetica Light"/>
          <w:sz w:val="24"/>
          <w:sz-cs w:val="24"/>
        </w:rPr>
        <w:t xml:space="preserve">organization. Well, things were very sad. Awful lot of Ukis. They were very happy. They were </w:t>
      </w:r>
    </w:p>
    <w:p>
      <w:pPr/>
      <w:r>
        <w:rPr>
          <w:rFonts w:ascii="Helvetica Light" w:hAnsi="Helvetica Light" w:cs="Helvetica Light"/>
          <w:sz w:val="24"/>
          <w:sz-cs w:val="24"/>
        </w:rPr>
        <w:t xml:space="preserve">cheerful at night, they were singing in their quarters. They had a beautiful sculpture, a still remember </w:t>
      </w:r>
    </w:p>
    <w:p>
      <w:pPr/>
      <w:r>
        <w:rPr>
          <w:rFonts w:ascii="Helvetica Light" w:hAnsi="Helvetica Light" w:cs="Helvetica Light"/>
          <w:sz w:val="24"/>
          <w:sz-cs w:val="24"/>
        </w:rPr>
        <w:t xml:space="preserve">a beautiful sculpture of a naked woman in front of their quarters. One of them must have been an </w:t>
      </w:r>
    </w:p>
    <w:p>
      <w:pPr/>
      <w:r>
        <w:rPr>
          <w:rFonts w:ascii="Helvetica Light" w:hAnsi="Helvetica Light" w:cs="Helvetica Light"/>
          <w:sz w:val="24"/>
          <w:sz-cs w:val="24"/>
        </w:rPr>
        <w:t xml:space="preserve">artist. Made from snow.\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Made from snow?\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Snow. Because there was so much snow. It was a huge sculpture. Huge. So they had </w:t>
      </w:r>
    </w:p>
    <w:p>
      <w:pPr/>
      <w:r>
        <w:rPr>
          <w:rFonts w:ascii="Helvetica Light" w:hAnsi="Helvetica Light" w:cs="Helvetica Light"/>
          <w:sz w:val="24"/>
          <w:sz-cs w:val="24"/>
        </w:rPr>
        <w:t xml:space="preserve">a ball, they had fu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You were totally in a barrack?\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otally in a barrack. Y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Just kept in a barrack, with your famil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Y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Not separated in any wa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No, with everybody. In barrack I guess you can put in 100 people, I don\'92t know.\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With any kind of bedding o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at I don\'92t remember whether we had any bedding. I know there was a wooden </w:t>
      </w:r>
    </w:p>
    <w:p>
      <w:pPr/>
      <w:r>
        <w:rPr>
          <w:rFonts w:ascii="Helvetica Light" w:hAnsi="Helvetica Light" w:cs="Helvetica Light"/>
          <w:sz w:val="24"/>
          <w:sz-cs w:val="24"/>
        </w:rPr>
        <w:t xml:space="preserve">}{\plain \i Pritsche}{\plain  that was a German word, }{\plain \i Pritsche}{\plain  they call it, a wooden type, like a table. That\'92s your bed. </w:t>
      </w:r>
    </w:p>
    <w:p>
      <w:pPr/>
      <w:r>
        <w:rPr>
          <w:rFonts w:ascii="Helvetica Light" w:hAnsi="Helvetica Light" w:cs="Helvetica Light"/>
          <w:sz w:val="24"/>
          <w:sz-cs w:val="24"/>
        </w:rPr>
        <w:t xml:space="preserve">I don\'92t remember whether they had straw, sacks on top that you could lay on the straw or not, I don\'92t </w:t>
      </w:r>
    </w:p>
    <w:p>
      <w:pPr/>
      <w:r>
        <w:rPr>
          <w:rFonts w:ascii="Helvetica Light" w:hAnsi="Helvetica Light" w:cs="Helvetica Light"/>
          <w:sz w:val="24"/>
          <w:sz-cs w:val="24"/>
        </w:rPr>
        <w:t xml:space="preserve">know. I don\'92t remember. I remember straw from one place, someplace, I don\'92t know which camp, </w:t>
      </w:r>
    </w:p>
    <w:p>
      <w:pPr/>
      <w:r>
        <w:rPr>
          <w:rFonts w:ascii="Helvetica Light" w:hAnsi="Helvetica Light" w:cs="Helvetica Light"/>
          <w:sz w:val="24"/>
          <w:sz-cs w:val="24"/>
        </w:rPr>
        <w:t xml:space="preserve">maybe it was Strasshof. On straw maybe. From there on when we went to the next camps it was just </w:t>
      </w:r>
    </w:p>
    <w:p>
      <w:pPr/>
      <w:r>
        <w:rPr>
          <w:rFonts w:ascii="Helvetica Light" w:hAnsi="Helvetica Light" w:cs="Helvetica Light"/>
          <w:sz w:val="24"/>
          <w:sz-cs w:val="24"/>
        </w:rPr>
        <w:t xml:space="preserve">wooden planks and nothing else, and a wooden pillow that tapered off at the end of the bed. That was </w:t>
      </w:r>
    </w:p>
    <w:p>
      <w:pPr/>
      <w:r>
        <w:rPr>
          <w:rFonts w:ascii="Helvetica Light" w:hAnsi="Helvetica Light" w:cs="Helvetica Light"/>
          <w:sz w:val="24"/>
          <w:sz-cs w:val="24"/>
        </w:rPr>
        <w:t xml:space="preserve">for your hea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at kind of food were you giv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e food in Strasshof I don\'92t even remember, because I guess it was too much of a </w:t>
      </w:r>
    </w:p>
    <w:p>
      <w:pPr/>
      <w:r>
        <w:rPr>
          <w:rFonts w:ascii="Helvetica Light" w:hAnsi="Helvetica Light" w:cs="Helvetica Light"/>
          <w:sz w:val="24"/>
          <w:sz-cs w:val="24"/>
        </w:rPr>
        <w:t xml:space="preserve">shock. First camp, the first complete captivity, one hundred percent control of our time and </w:t>
      </w:r>
    </w:p>
    <w:p>
      <w:pPr/>
      <w:r>
        <w:rPr>
          <w:rFonts w:ascii="Helvetica Light" w:hAnsi="Helvetica Light" w:cs="Helvetica Light"/>
          <w:sz w:val="24"/>
          <w:sz-cs w:val="24"/>
        </w:rPr>
        <w:t xml:space="preserve">everything, but they took us from Strasshof later on to Neumark. Neumark is Bavaria, I think. No, </w:t>
      </w:r>
    </w:p>
    <w:p>
      <w:pPr/>
      <w:r>
        <w:rPr>
          <w:rFonts w:ascii="Helvetica Light" w:hAnsi="Helvetica Light" w:cs="Helvetica Light"/>
          <w:sz w:val="24"/>
          <w:sz-cs w:val="24"/>
        </w:rPr>
        <w:t xml:space="preserve">we went from Strasshof to Berlin. We went through Berlin. Yeh, we went through Berlin, I remember </w:t>
      </w:r>
    </w:p>
    <w:p>
      <w:pPr/>
      <w:r>
        <w:rPr>
          <w:rFonts w:ascii="Helvetica Light" w:hAnsi="Helvetica Light" w:cs="Helvetica Light"/>
          <w:sz w:val="24"/>
          <w:sz-cs w:val="24"/>
        </w:rPr>
        <w:t xml:space="preserve">that experienc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What is this that you have writt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Austria, close to Vienna, is Strasshof.\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Oh, oka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From th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How long were you in Strasshof?\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t too long. This was like a processing camp where they did what they had to do. </w:t>
      </w:r>
    </w:p>
    <w:p>
      <w:pPr/>
      <w:r>
        <w:rPr>
          <w:rFonts w:ascii="Helvetica Light" w:hAnsi="Helvetica Light" w:cs="Helvetica Light"/>
          <w:sz w:val="24"/>
          <w:sz-cs w:val="24"/>
        </w:rPr>
        <w:t xml:space="preserve">They segregated, they divided, they squeezed out all the juices. The next one-- we went outside </w:t>
      </w:r>
    </w:p>
    <w:p>
      <w:pPr/>
      <w:r>
        <w:rPr>
          <w:rFonts w:ascii="Helvetica Light" w:hAnsi="Helvetica Light" w:cs="Helvetica Light"/>
          <w:sz w:val="24"/>
          <w:sz-cs w:val="24"/>
        </w:rPr>
        <w:t xml:space="preserve">Berlin-- but I remember-- okay, we went into Berlin. We were in Berlin maybe three day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were taken off the train?\par</w:t>
      </w:r>
    </w:p>
    <w:p>
      <w:pPr/>
      <w:r>
        <w:rPr>
          <w:rFonts w:ascii="Helvetica Light" w:hAnsi="Helvetica Light" w:cs="Helvetica Light"/>
          <w:sz w:val="24"/>
          <w:sz-cs w:val="24"/>
        </w:rPr>
        <w:t xml:space="preserve">}\pard \qj\fi720\sl395\tx0\tx0\tx600\tx720\tx1440\tx2160\tx2880\tx3600\tx4320\tx5040\tx5760\tx6480\tx7200\tx7920\tx8640\tx9360 </w:t>
      </w:r>
    </w:p>
    <w:p>
      <w:pPr/>
      <w:r>
        <w:rPr>
          <w:rFonts w:ascii="Helvetica Light" w:hAnsi="Helvetica Light" w:cs="Helvetica Light"/>
          <w:sz w:val="24"/>
          <w:sz-cs w:val="24"/>
        </w:rPr>
        <w:t xml:space="preserve">{\plain \*\cs1 MT:\tab No, from Strasshof, they put us on a train and they were taking us towards Berlin, to </w:t>
      </w:r>
    </w:p>
    <w:p>
      <w:pPr/>
      <w:r>
        <w:rPr>
          <w:rFonts w:ascii="Helvetica Light" w:hAnsi="Helvetica Light" w:cs="Helvetica Light"/>
          <w:sz w:val="24"/>
          <w:sz-cs w:val="24"/>
        </w:rPr>
        <w:t xml:space="preserve">a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A camp in Berli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n Berlin. Now, we spoke Hungarian well, and there were Hungarians also in Berlin </w:t>
      </w:r>
    </w:p>
    <w:p>
      <w:pPr/>
      <w:r>
        <w:rPr>
          <w:rFonts w:ascii="Helvetica Light" w:hAnsi="Helvetica Light" w:cs="Helvetica Light"/>
          <w:sz w:val="24"/>
          <w:sz-cs w:val="24"/>
        </w:rPr>
        <w:t xml:space="preserve">area that were traveling to Berlin. We got mixed up with Hungarians and we spoke very well. We </w:t>
      </w:r>
    </w:p>
    <w:p>
      <w:pPr/>
      <w:r>
        <w:rPr>
          <w:rFonts w:ascii="Helvetica Light" w:hAnsi="Helvetica Light" w:cs="Helvetica Light"/>
          <w:sz w:val="24"/>
          <w:sz-cs w:val="24"/>
        </w:rPr>
        <w:t xml:space="preserve">mingled with the Hungarians and in the evening - they always had air raids in Berlin. It was the first </w:t>
      </w:r>
    </w:p>
    <w:p>
      <w:pPr/>
      <w:r>
        <w:rPr>
          <w:rFonts w:ascii="Helvetica Light" w:hAnsi="Helvetica Light" w:cs="Helvetica Light"/>
          <w:sz w:val="24"/>
          <w:sz-cs w:val="24"/>
        </w:rPr>
        <w:t xml:space="preserve">time I saw a big city, huge city. Beautiful buildings. And I remember air raid shelters had maybe about </w:t>
      </w:r>
    </w:p>
    <w:p>
      <w:pPr/>
      <w:r>
        <w:rPr>
          <w:rFonts w:ascii="Helvetica Light" w:hAnsi="Helvetica Light" w:cs="Helvetica Light"/>
          <w:sz w:val="24"/>
          <w:sz-cs w:val="24"/>
        </w:rPr>
        <w:t xml:space="preserve">two feet of rubber cover on the top of the bunker, and it was explained later on that when the bomb </w:t>
      </w:r>
    </w:p>
    <w:p>
      <w:pPr/>
      <w:r>
        <w:rPr>
          <w:rFonts w:ascii="Helvetica Light" w:hAnsi="Helvetica Light" w:cs="Helvetica Light"/>
          <w:sz w:val="24"/>
          <w:sz-cs w:val="24"/>
        </w:rPr>
        <w:t xml:space="preserve">hits that it will kick the bomb off, or the bomb will not go off directly on the shelter. We were taken </w:t>
      </w:r>
    </w:p>
    <w:p>
      <w:pPr/>
      <w:r>
        <w:rPr>
          <w:rFonts w:ascii="Helvetica Light" w:hAnsi="Helvetica Light" w:cs="Helvetica Light"/>
          <w:sz w:val="24"/>
          <w:sz-cs w:val="24"/>
        </w:rPr>
        <w:t xml:space="preserve">as Hungarians, so we were taken into an air raid shelter during air raid. After the air raid, they took </w:t>
      </w:r>
    </w:p>
    <w:p>
      <w:pPr/>
      <w:r>
        <w:rPr>
          <w:rFonts w:ascii="Helvetica Light" w:hAnsi="Helvetica Light" w:cs="Helvetica Light"/>
          <w:sz w:val="24"/>
          <w:sz-cs w:val="24"/>
        </w:rPr>
        <w:t xml:space="preserve">us into the Red Cross facility, like a hotel, in Berlin to feed us, but before we finished eating, </w:t>
      </w:r>
    </w:p>
    <w:p>
      <w:pPr/>
      <w:r>
        <w:rPr>
          <w:rFonts w:ascii="Helvetica Light" w:hAnsi="Helvetica Light" w:cs="Helvetica Light"/>
          <w:sz w:val="24"/>
          <w:sz-cs w:val="24"/>
        </w:rPr>
        <w:t xml:space="preserve">something happened. They discovered that we are Pol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ere you under German guard at that poin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Air raid got-- something got messed up during the air raid. We were chased-- we </w:t>
      </w:r>
    </w:p>
    <w:p>
      <w:pPr/>
      <w:r>
        <w:rPr>
          <w:rFonts w:ascii="Helvetica Light" w:hAnsi="Helvetica Light" w:cs="Helvetica Light"/>
          <w:sz w:val="24"/>
          <w:sz-cs w:val="24"/>
        </w:rPr>
        <w:t xml:space="preserve">joined the wrong group when we were runn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I se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We joined the wrong group, and we went without guns, and these people were taken </w:t>
      </w:r>
    </w:p>
    <w:p>
      <w:pPr/>
      <w:r>
        <w:rPr>
          <w:rFonts w:ascii="Helvetica Light" w:hAnsi="Helvetica Light" w:cs="Helvetica Light"/>
          <w:sz w:val="24"/>
          <w:sz-cs w:val="24"/>
        </w:rPr>
        <w:t xml:space="preserve">with guns. So, we ran with the Hungarians because we knew what they were saying. \'93They are </w:t>
      </w:r>
    </w:p>
    <w:p>
      <w:pPr/>
      <w:r>
        <w:rPr>
          <w:rFonts w:ascii="Helvetica Light" w:hAnsi="Helvetica Light" w:cs="Helvetica Light"/>
          <w:sz w:val="24"/>
          <w:sz-cs w:val="24"/>
        </w:rPr>
        <w:t xml:space="preserve">bombing, let\'92s go, let\'92s go, let\'92s go.\'94  So we yelled same way the kids, \'93Let\'92s go.\'94  But they start </w:t>
      </w:r>
    </w:p>
    <w:p>
      <w:pPr/>
      <w:r>
        <w:rPr>
          <w:rFonts w:ascii="Helvetica Light" w:hAnsi="Helvetica Light" w:cs="Helvetica Light"/>
          <w:sz w:val="24"/>
          <w:sz-cs w:val="24"/>
        </w:rPr>
        <w:t xml:space="preserve">feeding us, somebody discovered that we were talking in Polish or something-- oh, my God. It was </w:t>
      </w:r>
    </w:p>
    <w:p>
      <w:pPr/>
      <w:r>
        <w:rPr>
          <w:rFonts w:ascii="Helvetica Light" w:hAnsi="Helvetica Light" w:cs="Helvetica Light"/>
          <w:sz w:val="24"/>
          <w:sz-cs w:val="24"/>
        </w:rPr>
        <w:t xml:space="preserve">just like the world came to an end. Everything was grabbed from in front of us and we were pushed, </w:t>
      </w:r>
    </w:p>
    <w:p>
      <w:pPr/>
      <w:r>
        <w:rPr>
          <w:rFonts w:ascii="Helvetica Light" w:hAnsi="Helvetica Light" w:cs="Helvetica Light"/>
          <w:sz w:val="24"/>
          <w:sz-cs w:val="24"/>
        </w:rPr>
        <w:t xml:space="preserve">pulled, turned, and finally we were back under guns again. They wouldn\'92t even allow us to finish </w:t>
      </w:r>
    </w:p>
    <w:p>
      <w:pPr/>
      <w:r>
        <w:rPr>
          <w:rFonts w:ascii="Helvetica Light" w:hAnsi="Helvetica Light" w:cs="Helvetica Light"/>
          <w:sz w:val="24"/>
          <w:sz-cs w:val="24"/>
        </w:rPr>
        <w:t xml:space="preserve">whatever we had on our plate. So, there we were back, and my parents were saying, "Well, we knew </w:t>
      </w:r>
    </w:p>
    <w:p>
      <w:pPr/>
      <w:r>
        <w:rPr>
          <w:rFonts w:ascii="Helvetica Light" w:hAnsi="Helvetica Light" w:cs="Helvetica Light"/>
          <w:sz w:val="24"/>
          <w:sz-cs w:val="24"/>
        </w:rPr>
        <w:t xml:space="preserve">it would happen, but we wanted you to eat." I don\'92t know, I think it was my younger brother, the </w:t>
      </w:r>
    </w:p>
    <w:p>
      <w:pPr/>
      <w:r>
        <w:rPr>
          <w:rFonts w:ascii="Helvetica Light" w:hAnsi="Helvetica Light" w:cs="Helvetica Light"/>
          <w:sz w:val="24"/>
          <w:sz-cs w:val="24"/>
        </w:rPr>
        <w:t xml:space="preserve">youngest, that made a sound that sold us out. Polish sound. From there they took us to </w:t>
      </w:r>
    </w:p>
    <w:p>
      <w:pPr/>
      <w:r>
        <w:rPr>
          <w:rFonts w:ascii="Helvetica Light" w:hAnsi="Helvetica Light" w:cs="Helvetica Light"/>
          <w:sz w:val="24"/>
          <w:sz-cs w:val="24"/>
        </w:rPr>
        <w:t xml:space="preserve">Wilhelmshaven, about 13 kilometers from Berlin, east from Berli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And what was tha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at was a camp, again controlled by Ukrainians. Every camp I was in, Ukrainians </w:t>
      </w:r>
    </w:p>
    <w:p>
      <w:pPr/>
      <w:r>
        <w:rPr>
          <w:rFonts w:ascii="Helvetica Light" w:hAnsi="Helvetica Light" w:cs="Helvetica Light"/>
          <w:sz w:val="24"/>
          <w:sz-cs w:val="24"/>
        </w:rPr>
        <w:t xml:space="preserve">fully controlled each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Now, in Berlin, were you actually in a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No, in Berlin, we went just through Berli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You just went through Berli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A couple of days we spent there, because of air raids they could not move us, and we </w:t>
      </w:r>
    </w:p>
    <w:p>
      <w:pPr/>
      <w:r>
        <w:rPr>
          <w:rFonts w:ascii="Helvetica Light" w:hAnsi="Helvetica Light" w:cs="Helvetica Light"/>
          <w:sz w:val="24"/>
          <w:sz-cs w:val="24"/>
        </w:rPr>
        <w:t xml:space="preserve">got messed up with Hungarians for about 6 hours or so, and then went back. But we stayed in Berlin </w:t>
      </w:r>
    </w:p>
    <w:p>
      <w:pPr/>
      <w:r>
        <w:rPr>
          <w:rFonts w:ascii="Helvetica Light" w:hAnsi="Helvetica Light" w:cs="Helvetica Light"/>
          <w:sz w:val="24"/>
          <w:sz-cs w:val="24"/>
        </w:rPr>
        <w:t xml:space="preserve">in captivity there, and another-- it was a facility of some sort, but it was not a nice facility. Where </w:t>
      </w:r>
    </w:p>
    <w:p>
      <w:pPr/>
      <w:r>
        <w:rPr>
          <w:rFonts w:ascii="Helvetica Light" w:hAnsi="Helvetica Light" w:cs="Helvetica Light"/>
          <w:sz w:val="24"/>
          <w:sz-cs w:val="24"/>
        </w:rPr>
        <w:t xml:space="preserve">Hungarians were, it was a nice facility that we got chased out of. Wilhelmshaven was another camp. </w:t>
      </w:r>
    </w:p>
    <w:p>
      <w:pPr/>
      <w:r>
        <w:rPr>
          <w:rFonts w:ascii="Helvetica Light" w:hAnsi="Helvetica Light" w:cs="Helvetica Light"/>
          <w:sz w:val="24"/>
          <w:sz-cs w:val="24"/>
        </w:rPr>
        <w:t xml:space="preserve">Now this camp, again, is wires, towers, and all this nonsense and everything else. There I remember </w:t>
      </w:r>
    </w:p>
    <w:p>
      <w:pPr/>
      <w:r>
        <w:rPr>
          <w:rFonts w:ascii="Helvetica Light" w:hAnsi="Helvetica Light" w:cs="Helvetica Light"/>
          <w:sz w:val="24"/>
          <w:sz-cs w:val="24"/>
        </w:rPr>
        <w:t xml:space="preserve">very good food, for a change. I don\'92t know why, but I remember a piece of bread in the morning, </w:t>
      </w:r>
    </w:p>
    <w:p>
      <w:pPr/>
      <w:r>
        <w:rPr>
          <w:rFonts w:ascii="Helvetica Light" w:hAnsi="Helvetica Light" w:cs="Helvetica Light"/>
          <w:sz w:val="24"/>
          <w:sz-cs w:val="24"/>
        </w:rPr>
        <w:t xml:space="preserve">piece of margarine and a little bit of some kind of jelly. Jello.\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Jelly? or jello?\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Sweet. Made fro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To put on the brea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Y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Jell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Jelly. Made from fruit of some sort. They had that. I don\'92t know whether they had </w:t>
      </w:r>
    </w:p>
    <w:p>
      <w:pPr/>
      <w:r>
        <w:rPr>
          <w:rFonts w:ascii="Helvetica Light" w:hAnsi="Helvetica Light" w:cs="Helvetica Light"/>
          <w:sz w:val="24"/>
          <w:sz-cs w:val="24"/>
        </w:rPr>
        <w:t xml:space="preserve">milk for us in the morning, but I was surprised, the way I remember, the food was best of everything </w:t>
      </w:r>
    </w:p>
    <w:p>
      <w:pPr/>
      <w:r>
        <w:rPr>
          <w:rFonts w:ascii="Helvetica Light" w:hAnsi="Helvetica Light" w:cs="Helvetica Light"/>
          <w:sz w:val="24"/>
          <w:sz-cs w:val="24"/>
        </w:rPr>
        <w:t xml:space="preserve">we had so far, that was in that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What kind of camp was thi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It was a typical camp again for the Poles, I think.\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Primarily Pol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It was not a political-- it was for the Poles, I think. It was for work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It was a work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A work camp, I think, because it was not one of those major ones that they had, </w:t>
      </w:r>
    </w:p>
    <w:p>
      <w:pPr/>
      <w:r>
        <w:rPr>
          <w:rFonts w:ascii="Helvetica Light" w:hAnsi="Helvetica Light" w:cs="Helvetica Light"/>
          <w:sz w:val="24"/>
          <w:sz-cs w:val="24"/>
        </w:rPr>
        <w:t xml:space="preserve">strictly political where they threw Jews and Poles in. Political Poles. It was not whatever you call </w:t>
      </w:r>
    </w:p>
    <w:p>
      <w:pPr/>
      <w:r>
        <w:rPr>
          <w:rFonts w:ascii="Helvetica Light" w:hAnsi="Helvetica Light" w:cs="Helvetica Light"/>
          <w:sz w:val="24"/>
          <w:sz-cs w:val="24"/>
        </w:rPr>
        <w:t xml:space="preserve">the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Concentration camp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h. Well, no, the names I was going to go through [unclear]. The only one I can </w:t>
      </w:r>
    </w:p>
    <w:p>
      <w:pPr/>
      <w:r>
        <w:rPr>
          <w:rFonts w:ascii="Helvetica Light" w:hAnsi="Helvetica Light" w:cs="Helvetica Light"/>
          <w:sz w:val="24"/>
          <w:sz-cs w:val="24"/>
        </w:rPr>
        <w:t xml:space="preserve">think of is Auschwitz.\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Not an extermination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No. It was not one of them. We did not have to wear a striped uniform, but we had </w:t>
      </w:r>
    </w:p>
    <w:p>
      <w:pPr/>
      <w:r>
        <w:rPr>
          <w:rFonts w:ascii="Helvetica Light" w:hAnsi="Helvetica Light" w:cs="Helvetica Light"/>
          <w:sz w:val="24"/>
          <w:sz-cs w:val="24"/>
        </w:rPr>
        <w:t xml:space="preserve">to wear a "P" on our hear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P" fo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Pole, but it was a "P" in the color of the Ukrainian flag. It was a yellow "P" on a blue </w:t>
      </w:r>
    </w:p>
    <w:p>
      <w:pPr/>
      <w:r>
        <w:rPr>
          <w:rFonts w:ascii="Helvetica Light" w:hAnsi="Helvetica Light" w:cs="Helvetica Light"/>
          <w:sz w:val="24"/>
          <w:sz-cs w:val="24"/>
        </w:rPr>
        <w:t xml:space="preserve">background. Ukrainians have yellow and blue as their national flag. Now ours is white and red, so </w:t>
      </w:r>
    </w:p>
    <w:p>
      <w:pPr/>
      <w:r>
        <w:rPr>
          <w:rFonts w:ascii="Helvetica Light" w:hAnsi="Helvetica Light" w:cs="Helvetica Light"/>
          <w:sz w:val="24"/>
          <w:sz-cs w:val="24"/>
        </w:rPr>
        <w:t xml:space="preserve">we had to use their color and you had to wear it on your heart and it was in the shape of a diamond. </w:t>
      </w:r>
    </w:p>
    <w:p>
      <w:pPr/>
      <w:r>
        <w:rPr>
          <w:rFonts w:ascii="Helvetica Light" w:hAnsi="Helvetica Light" w:cs="Helvetica Light"/>
          <w:sz w:val="24"/>
          <w:sz-cs w:val="24"/>
        </w:rPr>
        <w:t xml:space="preserve">My mother has one and I was going to bring it and I forgot to. We still have one. Then we had to </w:t>
      </w:r>
    </w:p>
    <w:p>
      <w:pPr/>
      <w:r>
        <w:rPr>
          <w:rFonts w:ascii="Helvetica Light" w:hAnsi="Helvetica Light" w:cs="Helvetica Light"/>
          <w:sz w:val="24"/>
          <w:sz-cs w:val="24"/>
        </w:rPr>
        <w:t xml:space="preserve">have it sewn on our cloth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is was in Wilhelmshav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No, that started from Strasshof. From then on we always had to have "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This was on your own clothes, not on any unifor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Yes. Perhaps maybe in Strasshof we didn\'92t have it because they would have </w:t>
      </w:r>
    </w:p>
    <w:p>
      <w:pPr/>
      <w:r>
        <w:rPr>
          <w:rFonts w:ascii="Helvetica Light" w:hAnsi="Helvetica Light" w:cs="Helvetica Light"/>
          <w:sz w:val="24"/>
          <w:sz-cs w:val="24"/>
        </w:rPr>
        <w:t xml:space="preserve">recognized us. Maybe it started with Wilhelmshaven, because I know that we were marked later on. </w:t>
      </w:r>
    </w:p>
    <w:p>
      <w:pPr/>
      <w:r>
        <w:rPr>
          <w:rFonts w:ascii="Helvetica Light" w:hAnsi="Helvetica Light" w:cs="Helvetica Light"/>
          <w:sz w:val="24"/>
          <w:sz-cs w:val="24"/>
        </w:rPr>
        <w:t xml:space="preserve">Maybe it was because of a mishap or whatever. But this was organized camp. This they knew what </w:t>
      </w:r>
    </w:p>
    <w:p>
      <w:pPr/>
      <w:r>
        <w:rPr>
          <w:rFonts w:ascii="Helvetica Light" w:hAnsi="Helvetica Light" w:cs="Helvetica Light"/>
          <w:sz w:val="24"/>
          <w:sz-cs w:val="24"/>
        </w:rPr>
        <w:t xml:space="preserve">they were doing and we had to wear this and then we were started to feel, like I mentioned-- The </w:t>
      </w:r>
    </w:p>
    <w:p>
      <w:pPr/>
      <w:r>
        <w:rPr>
          <w:rFonts w:ascii="Helvetica Light" w:hAnsi="Helvetica Light" w:cs="Helvetica Light"/>
          <w:sz w:val="24"/>
          <w:sz-cs w:val="24"/>
        </w:rPr>
        <w:t xml:space="preserve">food, I thought, was excellent, but here they started to dig around about people\'92s background in </w:t>
      </w:r>
    </w:p>
    <w:p>
      <w:pPr/>
      <w:r>
        <w:rPr>
          <w:rFonts w:ascii="Helvetica Light" w:hAnsi="Helvetica Light" w:cs="Helvetica Light"/>
          <w:sz w:val="24"/>
          <w:sz-cs w:val="24"/>
        </w:rPr>
        <w:t xml:space="preserve">Wilhelmshaven. Every individual had to go and be interviewed or interrogated to find out what his </w:t>
      </w:r>
    </w:p>
    <w:p>
      <w:pPr/>
      <w:r>
        <w:rPr>
          <w:rFonts w:ascii="Helvetica Light" w:hAnsi="Helvetica Light" w:cs="Helvetica Light"/>
          <w:sz w:val="24"/>
          <w:sz-cs w:val="24"/>
        </w:rPr>
        <w:t xml:space="preserve">background was, what he was doing, what he was doing in pre-Poland, what kind of job he ha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Who was doing the interrogation? The Germans or the Ukrainian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e Ukrainians, because we could not speak German. My parents could speak German </w:t>
      </w:r>
    </w:p>
    <w:p>
      <w:pPr/>
      <w:r>
        <w:rPr>
          <w:rFonts w:ascii="Helvetica Light" w:hAnsi="Helvetica Light" w:cs="Helvetica Light"/>
          <w:sz w:val="24"/>
          <w:sz-cs w:val="24"/>
        </w:rPr>
        <w:t xml:space="preserve">and Ukrainian because that was the territory that had German colony and so forth.\par</w:t>
      </w:r>
    </w:p>
    <w:p>
      <w:pPr/>
      <w:r>
        <w:rPr>
          <w:rFonts w:ascii="Helvetica Light" w:hAnsi="Helvetica Light" w:cs="Helvetica Light"/>
          <w:sz w:val="24"/>
          <w:sz-cs w:val="24"/>
        </w:rPr>
        <w:t xml:space="preserve">}\pard \qj\fi720\sl395\tx0\tx0\tx594\tx720\tx1440\tx2160\tx2880\tx3600\tx4320\tx5040\tx5760\tx6480\tx7200\tx7920\tx8640\tx9360 </w:t>
      </w:r>
    </w:p>
    <w:p>
      <w:pPr/>
      <w:r>
        <w:rPr>
          <w:rFonts w:ascii="Helvetica Light" w:hAnsi="Helvetica Light" w:cs="Helvetica Light"/>
          <w:sz w:val="24"/>
          <w:sz-cs w:val="24"/>
        </w:rPr>
        <w:t xml:space="preserve">{\plain \*\cs1 JF:\tab Were the Germans in control of the camp and the Ukrainians were the workers who </w:t>
      </w:r>
    </w:p>
    <w:p>
      <w:pPr/>
      <w:r>
        <w:rPr>
          <w:rFonts w:ascii="Helvetica Light" w:hAnsi="Helvetica Light" w:cs="Helvetica Light"/>
          <w:sz w:val="24"/>
          <w:sz-cs w:val="24"/>
        </w:rPr>
        <w:t xml:space="preserve">wer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e workers. Well, Germans were more or less on the out\-side. I could not touch the </w:t>
      </w:r>
    </w:p>
    <w:p>
      <w:pPr/>
      <w:r>
        <w:rPr>
          <w:rFonts w:ascii="Helvetica Light" w:hAnsi="Helvetica Light" w:cs="Helvetica Light"/>
          <w:sz w:val="24"/>
          <w:sz-cs w:val="24"/>
        </w:rPr>
        <w:t xml:space="preserve">Germans, but they were the last closing gate, but closer to us were the Ukrainians. The ones that </w:t>
      </w:r>
    </w:p>
    <w:p>
      <w:pPr/>
      <w:r>
        <w:rPr>
          <w:rFonts w:ascii="Helvetica Light" w:hAnsi="Helvetica Light" w:cs="Helvetica Light"/>
          <w:sz w:val="24"/>
          <w:sz-cs w:val="24"/>
        </w:rPr>
        <w:t xml:space="preserve">would kick you and talk to you and so forth were the Ukrainian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You were then interrogated, also?\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No, I was no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Just your father and your moth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My father and mother and all the elder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What did they find ou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That\'92s when, a lot of-- I just remembered that my father said something to my mother </w:t>
      </w:r>
    </w:p>
    <w:p>
      <w:pPr/>
      <w:r>
        <w:rPr>
          <w:rFonts w:ascii="Helvetica Light" w:hAnsi="Helvetica Light" w:cs="Helvetica Light"/>
          <w:sz w:val="24"/>
          <w:sz-cs w:val="24"/>
        </w:rPr>
        <w:t xml:space="preserve">one night, that he will not talk. "He will not talk. I can trust him. He will not talk." He was-- they </w:t>
      </w:r>
    </w:p>
    <w:p>
      <w:pPr/>
      <w:r>
        <w:rPr>
          <w:rFonts w:ascii="Helvetica Light" w:hAnsi="Helvetica Light" w:cs="Helvetica Light"/>
          <w:sz w:val="24"/>
          <w:sz-cs w:val="24"/>
        </w:rPr>
        <w:t xml:space="preserve">must have been talking about underground activities they had in Hungary, the individual that they </w:t>
      </w:r>
    </w:p>
    <w:p>
      <w:pPr/>
      <w:r>
        <w:rPr>
          <w:rFonts w:ascii="Helvetica Light" w:hAnsi="Helvetica Light" w:cs="Helvetica Light"/>
          <w:sz w:val="24"/>
          <w:sz-cs w:val="24"/>
        </w:rPr>
        <w:t xml:space="preserve">were suspecting, and they were interrogating more and more and more. And my father said, "He will </w:t>
      </w:r>
    </w:p>
    <w:p>
      <w:pPr/>
      <w:r>
        <w:rPr>
          <w:rFonts w:ascii="Helvetica Light" w:hAnsi="Helvetica Light" w:cs="Helvetica Light"/>
          <w:sz w:val="24"/>
          <w:sz-cs w:val="24"/>
        </w:rPr>
        <w:t xml:space="preserve">not talk, I am sure. He will not talk." And so, they were trying to remove all the organization from </w:t>
      </w:r>
    </w:p>
    <w:p>
      <w:pPr/>
      <w:r>
        <w:rPr>
          <w:rFonts w:ascii="Helvetica Light" w:hAnsi="Helvetica Light" w:cs="Helvetica Light"/>
          <w:sz w:val="24"/>
          <w:sz-cs w:val="24"/>
        </w:rPr>
        <w:t xml:space="preserve">the group, the way I see it now. They didn\'92t want anything to let go, to pass by their fingers. If </w:t>
      </w:r>
    </w:p>
    <w:p>
      <w:pPr/>
      <w:r>
        <w:rPr>
          <w:rFonts w:ascii="Helvetica Light" w:hAnsi="Helvetica Light" w:cs="Helvetica Light"/>
          <w:sz w:val="24"/>
          <w:sz-cs w:val="24"/>
        </w:rPr>
        <w:t xml:space="preserve">somebody was doing something against the system, or if he was doing something for the system, prior </w:t>
      </w:r>
    </w:p>
    <w:p>
      <w:pPr/>
      <w:r>
        <w:rPr>
          <w:rFonts w:ascii="Helvetica Light" w:hAnsi="Helvetica Light" w:cs="Helvetica Light"/>
          <w:sz w:val="24"/>
          <w:sz-cs w:val="24"/>
        </w:rPr>
        <w:t xml:space="preserve">to the war, for the other system, then he is evil and not worth anything. But they had pillows and they </w:t>
      </w:r>
    </w:p>
    <w:p>
      <w:pPr/>
      <w:r>
        <w:rPr>
          <w:rFonts w:ascii="Helvetica Light" w:hAnsi="Helvetica Light" w:cs="Helvetica Light"/>
          <w:sz w:val="24"/>
          <w:sz-cs w:val="24"/>
        </w:rPr>
        <w:t xml:space="preserve">had sheets in that camp. I still can\'92t figure it out, \'91cause it\'92s the only camp they had. Perhaps it\'92s be\-</w:t>
      </w:r>
    </w:p>
    <w:p>
      <w:pPr/>
      <w:r>
        <w:rPr>
          <w:rFonts w:ascii="Helvetica Light" w:hAnsi="Helvetica Light" w:cs="Helvetica Light"/>
          <w:sz w:val="24"/>
          <w:sz-cs w:val="24"/>
        </w:rPr>
        <w:t xml:space="preserve">cause it was close to Berlin, to tell somebody that this is how we run the camps. I don\'92t know.\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So it might have been shown as a model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 \tab Perhaps. Perhaps some Germans, perhaps wanted to see what the camps looked like. </w:t>
      </w:r>
    </w:p>
    <w:p>
      <w:pPr/>
      <w:r>
        <w:rPr>
          <w:rFonts w:ascii="Helvetica Light" w:hAnsi="Helvetica Light" w:cs="Helvetica Light"/>
          <w:sz w:val="24"/>
          <w:sz-cs w:val="24"/>
        </w:rPr>
        <w:t xml:space="preserve">I don\'92t think the Red Cross had anything to do with it, but I think perhaps some individuals in their </w:t>
      </w:r>
    </w:p>
    <w:p>
      <w:pPr/>
      <w:r>
        <w:rPr>
          <w:rFonts w:ascii="Helvetica Light" w:hAnsi="Helvetica Light" w:cs="Helvetica Light"/>
          <w:sz w:val="24"/>
          <w:sz-cs w:val="24"/>
        </w:rPr>
        <w:t xml:space="preserve">hierarchy wanted to know, "What do you mean you are making camps? What do they look like? And, </w:t>
      </w:r>
    </w:p>
    <w:p>
      <w:pPr/>
      <w:r>
        <w:rPr>
          <w:rFonts w:ascii="Helvetica Light" w:hAnsi="Helvetica Light" w:cs="Helvetica Light"/>
          <w:sz w:val="24"/>
          <w:sz-cs w:val="24"/>
        </w:rPr>
        <w:t xml:space="preserve">sure, it was closest to, let\'92s drive up to, we will show you." So they had that. So perhaps that is why </w:t>
      </w:r>
    </w:p>
    <w:p>
      <w:pPr/>
      <w:r>
        <w:rPr>
          <w:rFonts w:ascii="Helvetica Light" w:hAnsi="Helvetica Light" w:cs="Helvetica Light"/>
          <w:sz w:val="24"/>
          <w:sz-cs w:val="24"/>
        </w:rPr>
        <w:t xml:space="preserve">they also had food, but they were very, very nasty, because everybody was tight-lipped, more and </w:t>
      </w:r>
    </w:p>
    <w:p>
      <w:pPr/>
      <w:r>
        <w:rPr>
          <w:rFonts w:ascii="Helvetica Light" w:hAnsi="Helvetica Light" w:cs="Helvetica Light"/>
          <w:sz w:val="24"/>
          <w:sz-cs w:val="24"/>
        </w:rPr>
        <w:t xml:space="preserve">more. Pretty soon, nobody wanted to talk. Nothing. Everybody just-- so things were happening ther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were still with your family?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I was still with the famil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JF:\tab In a mass kind of sleeping arrangemen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MT:\tab Yes, the open barracks, open barracks and latrines, whatever you call them, </w:t>
      </w:r>
    </w:p>
    <w:p>
      <w:pPr/>
      <w:r>
        <w:rPr>
          <w:rFonts w:ascii="Helvetica Light" w:hAnsi="Helvetica Light" w:cs="Helvetica Light"/>
          <w:sz w:val="24"/>
          <w:sz-cs w:val="24"/>
        </w:rPr>
        <w:t xml:space="preserve">bathrooms, were outside. Never inside a building, you had to go outside. It was a wooden type, with </w:t>
      </w:r>
    </w:p>
    <w:p>
      <w:pPr/>
      <w:r>
        <w:rPr>
          <w:rFonts w:ascii="Helvetica Light" w:hAnsi="Helvetica Light" w:cs="Helvetica Light"/>
          <w:sz w:val="24"/>
          <w:sz-cs w:val="24"/>
        </w:rPr>
        <w:t xml:space="preserve">a hole in the ground, but you could more or less sit down on it, but in that camp I don\'92t remember </w:t>
      </w:r>
    </w:p>
    <w:p>
      <w:pPr/>
      <w:r>
        <w:rPr>
          <w:rFonts w:ascii="Helvetica Light" w:hAnsi="Helvetica Light" w:cs="Helvetica Light"/>
          <w:sz w:val="24"/>
          <w:sz-cs w:val="24"/>
        </w:rPr>
        <w:t xml:space="preserve">if it was too dirty, but in the other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cs1 \par</w:t>
      </w:r>
    </w:p>
    <w:p>
      <w:pPr/>
      <w:r>
        <w:rPr>
          <w:rFonts w:ascii="Helvetica Light" w:hAnsi="Helvetica Light" w:cs="Helvetica Light"/>
          <w:sz w:val="24"/>
          <w:sz-cs w:val="24"/>
        </w:rPr>
        <w:t xml:space="preserve">}\pard \qr\fi720\sl395\tx0\tx0\tqc\tx4320\tqr\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qj\fi720\tx0\tx0\tx720\tx1440\tx2160\tx2880\tx3600\tx4320\tx5040\tx5760\tx6480\tx7200\tx7920\tx8640\tx9360 </w:t>
      </w:r>
    </w:p>
    <w:p>
      <w:pPr/>
      <w:r>
        <w:rPr>
          <w:rFonts w:ascii="Helvetica Light" w:hAnsi="Helvetica Light" w:cs="Helvetica Light"/>
          <w:sz w:val="24"/>
          <w:sz-cs w:val="24"/>
        </w:rPr>
        <w:t xml:space="preserve">{\plain \*\cs1 \par</w:t>
      </w:r>
    </w:p>
    <w:p>
      <w:pPr/>
      <w:r>
        <w:rPr>
          <w:rFonts w:ascii="Helvetica Light" w:hAnsi="Helvetica Light" w:cs="Helvetica Light"/>
          <w:sz w:val="24"/>
          <w:sz-cs w:val="24"/>
        </w:rPr>
        <w:t xml:space="preserve">}\pard \qj\fi720\tx0\tx0\tx720\tx1440\tx2160\tx2880\tx3600\tx4320\tx5040\tx5760\tx6480\tx7200\tx7920\tx8640\tx9360 </w:t>
      </w:r>
    </w:p>
    <w:p>
      <w:pPr/>
      <w:r>
        <w:rPr>
          <w:rFonts w:ascii="Helvetica Light" w:hAnsi="Helvetica Light" w:cs="Helvetica Light"/>
          <w:sz w:val="24"/>
          <w:sz-cs w:val="24"/>
        </w:rPr>
        <w:t xml:space="preserve">{\plain \*\cs1\fs20 \par</w:t>
      </w:r>
    </w:p>
    <w:p>
      <w:pPr/>
      <w:r>
        <w:rPr>
          <w:rFonts w:ascii="Helvetica Light" w:hAnsi="Helvetica Light" w:cs="Helvetica Light"/>
          <w:sz w:val="24"/>
          <w:sz-cs w:val="24"/>
        </w:rPr>
        <w:t xml:space="preserve">}\pard \qr\fi720\tx0\tx0\tqc\tx4320\tqr\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tx0\tx0\tx720\tx1440\tx2160\tx2880\tx3600\tx4320\tx5040\tx5760\tx6480\tx7200\tx7920\tx8640\tx9360 </w:t>
      </w:r>
    </w:p>
    <w:p>
      <w:pPr/>
      <w:r>
        <w:rPr>
          <w:rFonts w:ascii="Helvetica Light" w:hAnsi="Helvetica Light" w:cs="Helvetica Light"/>
          <w:sz w:val="24"/>
          <w:sz-cs w:val="24"/>
        </w:rPr>
        <w:t xml:space="preserve">{\plain \*\cs1 \par</w:t>
      </w:r>
    </w:p>
    <w:p>
      <w:pPr/>
      <w:r>
        <w:rPr>
          <w:rFonts w:ascii="Helvetica Light" w:hAnsi="Helvetica Light" w:cs="Helvetica Light"/>
          <w:sz w:val="24"/>
          <w:sz-cs w:val="24"/>
        </w:rPr>
        <w:t xml:space="preserve">}\pard \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s2\qr\sl395\tx0\tx0\tqc\tx4320\tqr\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page </w:t>
      </w:r>
    </w:p>
    <w:p>
      <w:pPr/>
      <w:r>
        <w:rPr>
          <w:rFonts w:ascii="Helvetica Light" w:hAnsi="Helvetica Light" w:cs="Helvetica Light"/>
          <w:sz w:val="24"/>
          <w:sz-cs w:val="24"/>
        </w:rPr>
        <w:t xml:space="preserve">\sect \sectd \sbknone\headery288\footery1323 </w:t>
      </w:r>
    </w:p>
    <w:p>
      <w:pPr/>
      <w:r>
        <w:rPr>
          <w:rFonts w:ascii="Helvetica Light" w:hAnsi="Helvetica Light" w:cs="Helvetica Light"/>
          <w:sz w:val="24"/>
          <w:sz-cs w:val="24"/>
        </w:rPr>
        <w:t xml:space="preserve">{\header \pard \s2\qr\sl0\tx0\tx0\tqc\tx4320\tqr\tx8640\tx9360 </w:t>
      </w:r>
    </w:p>
    <w:p>
      <w:pPr/>
      <w:r>
        <w:rPr>
          <w:rFonts w:ascii="Helvetica Light" w:hAnsi="Helvetica Light" w:cs="Helvetica Light"/>
          <w:sz w:val="24"/>
          <w:sz-cs w:val="24"/>
        </w:rPr>
        <w:t xml:space="preserve">{\plain \*\cs1 }{\plain \*\cs1\i MARIAN TURZANSKI [}{\plain \*\cs1\i 3-2-\chpgn }{\plain \i ]\par }}</w:t>
      </w:r>
    </w:p>
    <w:p>
      <w:pPr/>
      <w:r>
        <w:rPr>
          <w:rFonts w:ascii="Helvetica Light" w:hAnsi="Helvetica Light" w:cs="Helvetica Light"/>
          <w:sz w:val="24"/>
          <w:sz-cs w:val="24"/>
        </w:rPr>
        <w:t xml:space="preserve">{\footer \pard \sl261\tx-156\tx0\tx0\tx720\tx1440\tx2160\tx2880\tx3600\tx4320\tx5040\tx5760\tx6480\tx7200\tx7920\tx8640\tx9360 </w:t>
      </w:r>
    </w:p>
    <w:p>
      <w:pPr/>
      <w:r>
        <w:rPr>
          <w:rFonts w:ascii="Helvetica Light" w:hAnsi="Helvetica Light" w:cs="Helvetica Light"/>
          <w:sz w:val="24"/>
          <w:sz-cs w:val="24"/>
        </w:rPr>
        <w:t xml:space="preserve">{\plain \*\cs1 }{\plain \*\cs1\i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qj\sl395\tx0\tx0\tx720\tx1440\tx2160\tx2880\tx3600\tx4320\tx5040\tx5760\tx6480\tx7200\tx7920\tx8640\tx9360 </w:t>
      </w:r>
    </w:p>
    <w:p>
      <w:pPr/>
      <w:r>
        <w:rPr>
          <w:rFonts w:ascii="Helvetica Light" w:hAnsi="Helvetica Light" w:cs="Helvetica Light"/>
          <w:sz w:val="24"/>
          <w:sz-cs w:val="24"/>
        </w:rPr>
        <w:t xml:space="preserve">{\plain }{\plain \i Tape three, side two:}{\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So, we stopped at Wilhelmshaven, the camp. It was the first camp that I saw sheets </w:t>
      </w:r>
    </w:p>
    <w:p>
      <w:pPr/>
      <w:r>
        <w:rPr>
          <w:rFonts w:ascii="Helvetica Light" w:hAnsi="Helvetica Light" w:cs="Helvetica Light"/>
          <w:sz w:val="24"/>
          <w:sz-cs w:val="24"/>
        </w:rPr>
        <w:t xml:space="preserve">on the bed. It was very nice and that was the camp that I finally realized what my mother saved, the </w:t>
      </w:r>
    </w:p>
    <w:p>
      <w:pPr/>
      <w:r>
        <w:rPr>
          <w:rFonts w:ascii="Helvetica Light" w:hAnsi="Helvetica Light" w:cs="Helvetica Light"/>
          <w:sz w:val="24"/>
          <w:sz-cs w:val="24"/>
        </w:rPr>
        <w:t xml:space="preserve">yeast, dry yeast. It was not in existence at that time. The cooks, the people in charge of cooking, </w:t>
      </w:r>
    </w:p>
    <w:p>
      <w:pPr/>
      <w:r>
        <w:rPr>
          <w:rFonts w:ascii="Helvetica Light" w:hAnsi="Helvetica Light" w:cs="Helvetica Light"/>
          <w:sz w:val="24"/>
          <w:sz-cs w:val="24"/>
        </w:rPr>
        <w:t xml:space="preserve">people in charge of everything, were Ukrainians. Now, we, living with the Ukrainians, it was no big </w:t>
      </w:r>
    </w:p>
    <w:p>
      <w:pPr/>
      <w:r>
        <w:rPr>
          <w:rFonts w:ascii="Helvetica Light" w:hAnsi="Helvetica Light" w:cs="Helvetica Light"/>
          <w:sz w:val="24"/>
          <w:sz-cs w:val="24"/>
        </w:rPr>
        <w:t xml:space="preserve">deal speaking their language for my parents. They still felt probably comfortable to talk to them. My </w:t>
      </w:r>
    </w:p>
    <w:p>
      <w:pPr/>
      <w:r>
        <w:rPr>
          <w:rFonts w:ascii="Helvetica Light" w:hAnsi="Helvetica Light" w:cs="Helvetica Light"/>
          <w:sz w:val="24"/>
          <w:sz-cs w:val="24"/>
        </w:rPr>
        <w:t xml:space="preserve">mother made a deal with the cook, one of the cooks, and I remember him speaking a beautiful Polish </w:t>
      </w:r>
    </w:p>
    <w:p>
      <w:pPr/>
      <w:r>
        <w:rPr>
          <w:rFonts w:ascii="Helvetica Light" w:hAnsi="Helvetica Light" w:cs="Helvetica Light"/>
          <w:sz w:val="24"/>
          <w:sz-cs w:val="24"/>
        </w:rPr>
        <w:t xml:space="preserve">language. They were all Polish citizens who went to schools. Of course, they were just like anybody </w:t>
      </w:r>
    </w:p>
    <w:p>
      <w:pPr/>
      <w:r>
        <w:rPr>
          <w:rFonts w:ascii="Helvetica Light" w:hAnsi="Helvetica Light" w:cs="Helvetica Light"/>
          <w:sz w:val="24"/>
          <w:sz-cs w:val="24"/>
        </w:rPr>
        <w:t xml:space="preserve">else, except they were fighting for something that they never had, their country. She told him that she </w:t>
      </w:r>
    </w:p>
    <w:p>
      <w:pPr/>
      <w:r>
        <w:rPr>
          <w:rFonts w:ascii="Helvetica Light" w:hAnsi="Helvetica Light" w:cs="Helvetica Light"/>
          <w:sz w:val="24"/>
          <w:sz-cs w:val="24"/>
        </w:rPr>
        <w:t xml:space="preserve">has yeast. He said, "What?" I said, "Yeast." And he says, "Yes, but it\'92s probably spoiled." And she </w:t>
      </w:r>
    </w:p>
    <w:p>
      <w:pPr/>
      <w:r>
        <w:rPr>
          <w:rFonts w:ascii="Helvetica Light" w:hAnsi="Helvetica Light" w:cs="Helvetica Light"/>
          <w:sz w:val="24"/>
          <w:sz-cs w:val="24"/>
        </w:rPr>
        <w:t xml:space="preserve">says, "No, it\'92s dry." "Never heard of it." She says, \'93I have it here. If I can, if you allow me to use your </w:t>
      </w:r>
    </w:p>
    <w:p>
      <w:pPr/>
      <w:r>
        <w:rPr>
          <w:rFonts w:ascii="Helvetica Light" w:hAnsi="Helvetica Light" w:cs="Helvetica Light"/>
          <w:sz w:val="24"/>
          <w:sz-cs w:val="24"/>
        </w:rPr>
        <w:t xml:space="preserve">oven to bake something" -- we had still some flour from Hungary and yeast-- \'93I will give you some." </w:t>
      </w:r>
    </w:p>
    <w:p>
      <w:pPr/>
      <w:r>
        <w:rPr>
          <w:rFonts w:ascii="Helvetica Light" w:hAnsi="Helvetica Light" w:cs="Helvetica Light"/>
          <w:sz w:val="24"/>
          <w:sz-cs w:val="24"/>
        </w:rPr>
        <w:t xml:space="preserve">He said, "All right." So she had to give him a certain amount of yeast and he allowed her to use the </w:t>
      </w:r>
    </w:p>
    <w:p>
      <w:pPr/>
      <w:r>
        <w:rPr>
          <w:rFonts w:ascii="Helvetica Light" w:hAnsi="Helvetica Light" w:cs="Helvetica Light"/>
          <w:sz w:val="24"/>
          <w:sz-cs w:val="24"/>
        </w:rPr>
        <w:t xml:space="preserve">oven to put her mixture into it and, then, also as a token of appreciation, he gave her a bottle of </w:t>
      </w:r>
    </w:p>
    <w:p>
      <w:pPr/>
      <w:r>
        <w:rPr>
          <w:rFonts w:ascii="Helvetica Light" w:hAnsi="Helvetica Light" w:cs="Helvetica Light"/>
          <w:sz w:val="24"/>
          <w:sz-cs w:val="24"/>
        </w:rPr>
        <w:t xml:space="preserve">butter, melted butter. That\'92s how how he kept it, in a bottle, so we would have to put it on </w:t>
      </w:r>
    </w:p>
    <w:p>
      <w:pPr/>
      <w:r>
        <w:rPr>
          <w:rFonts w:ascii="Helvetica Light" w:hAnsi="Helvetica Light" w:cs="Helvetica Light"/>
          <w:sz w:val="24"/>
          <w:sz-cs w:val="24"/>
        </w:rPr>
        <w:t xml:space="preserve">something. So I remember she baked, not too much. I guess she didn\'92t have too much flour or he </w:t>
      </w:r>
    </w:p>
    <w:p>
      <w:pPr/>
      <w:r>
        <w:rPr>
          <w:rFonts w:ascii="Helvetica Light" w:hAnsi="Helvetica Light" w:cs="Helvetica Light"/>
          <w:sz w:val="24"/>
          <w:sz-cs w:val="24"/>
        </w:rPr>
        <w:t xml:space="preserve">wouldn\'92t give us too much, but she baked cakes,  similar to [unclear].  They had no nuts on them or </w:t>
      </w:r>
    </w:p>
    <w:p>
      <w:pPr/>
      <w:r>
        <w:rPr>
          <w:rFonts w:ascii="Helvetica Light" w:hAnsi="Helvetica Light" w:cs="Helvetica Light"/>
          <w:sz w:val="24"/>
          <w:sz-cs w:val="24"/>
        </w:rPr>
        <w:t xml:space="preserve">raisins or anything but about that size, maybe about 30 of them, just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Small roll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 \tab Small rolls. I don\'92t know if they had eggs, whether he gave her eggs or not, I don\'92t </w:t>
      </w:r>
    </w:p>
    <w:p>
      <w:pPr/>
      <w:r>
        <w:rPr>
          <w:rFonts w:ascii="Helvetica Light" w:hAnsi="Helvetica Light" w:cs="Helvetica Light"/>
          <w:sz w:val="24"/>
          <w:sz-cs w:val="24"/>
        </w:rPr>
        <w:t xml:space="preserve">know.\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is was Ukrainia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Ukrainian, because he was, that was his kitchen. They were in charge of everything, </w:t>
      </w:r>
    </w:p>
    <w:p>
      <w:pPr/>
      <w:r>
        <w:rPr>
          <w:rFonts w:ascii="Helvetica Light" w:hAnsi="Helvetica Light" w:cs="Helvetica Light"/>
          <w:sz w:val="24"/>
          <w:sz-cs w:val="24"/>
        </w:rPr>
        <w:t xml:space="preserve">but they ˝ˇˇˇÇÉÑÖÜáàâäãåçéèêëíìîïñóòôöõúùûü†°¢£§•¶ß®©™´¨≠ÆØ∞±≤≥¥µ∂∑∏π∫ªºΩæø¿¡¬√ƒ≈∆«»… ÀÃÕŒœ–—“”‘’÷◊ÿó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ˇallowed her to do that. So, she brought to the barrack, and put it under the pillow and I </w:t>
      </w:r>
    </w:p>
    <w:p>
      <w:pPr/>
      <w:r>
        <w:rPr>
          <w:rFonts w:ascii="Helvetica Light" w:hAnsi="Helvetica Light" w:cs="Helvetica Light"/>
          <w:sz w:val="24"/>
          <w:sz-cs w:val="24"/>
        </w:rPr>
        <w:t xml:space="preserve">remember each time I went there under the pillow to take one out, I felt so guilty, because I knew </w:t>
      </w:r>
    </w:p>
    <w:p>
      <w:pPr/>
      <w:r>
        <w:rPr>
          <w:rFonts w:ascii="Helvetica Light" w:hAnsi="Helvetica Light" w:cs="Helvetica Light"/>
          <w:sz w:val="24"/>
          <w:sz-cs w:val="24"/>
        </w:rPr>
        <w:t xml:space="preserve">that my parents didn\'92t eat any of them, and I was also, I felt terribly guilty that my younger brother </w:t>
      </w:r>
    </w:p>
    <w:p>
      <w:pPr/>
      <w:r>
        <w:rPr>
          <w:rFonts w:ascii="Helvetica Light" w:hAnsi="Helvetica Light" w:cs="Helvetica Light"/>
          <w:sz w:val="24"/>
          <w:sz-cs w:val="24"/>
        </w:rPr>
        <w:t xml:space="preserve">probably wants it, that this will run ou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Had they designated how many rolls each of you was to have, or did they just put </w:t>
      </w:r>
    </w:p>
    <w:p>
      <w:pPr/>
      <w:r>
        <w:rPr>
          <w:rFonts w:ascii="Helvetica Light" w:hAnsi="Helvetica Light" w:cs="Helvetica Light"/>
          <w:sz w:val="24"/>
          <w:sz-cs w:val="24"/>
        </w:rPr>
        <w:t xml:space="preserve">them there-- knowing that you would get the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ey just put them ther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And you knew that they weren\'92t eating an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 \tab We knew, and we also knew that each other, of each one was not getting their share </w:t>
      </w:r>
    </w:p>
    <w:p>
      <w:pPr/>
      <w:r>
        <w:rPr>
          <w:rFonts w:ascii="Helvetica Light" w:hAnsi="Helvetica Light" w:cs="Helvetica Light"/>
          <w:sz w:val="24"/>
          <w:sz-cs w:val="24"/>
        </w:rPr>
        <w:t xml:space="preserve">and I, as an older brother, the other two-- I felt bad about reaching for i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For your younger two brother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didn\'92t think that they were gett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 felt that I shouldn\'92t-- I should leave it so they have more, because I knew that this </w:t>
      </w:r>
    </w:p>
    <w:p>
      <w:pPr/>
      <w:r>
        <w:rPr>
          <w:rFonts w:ascii="Helvetica Light" w:hAnsi="Helvetica Light" w:cs="Helvetica Light"/>
          <w:sz w:val="24"/>
          <w:sz-cs w:val="24"/>
        </w:rPr>
        <w:t xml:space="preserve">was only something that just happened now and we wouldn\'92t have it anymore. And that was true. We </w:t>
      </w:r>
    </w:p>
    <w:p>
      <w:pPr/>
      <w:r>
        <w:rPr>
          <w:rFonts w:ascii="Helvetica Light" w:hAnsi="Helvetica Light" w:cs="Helvetica Light"/>
          <w:sz w:val="24"/>
          <w:sz-cs w:val="24"/>
        </w:rPr>
        <w:t xml:space="preserve">never had that anymore because I guess she didn\'92t have anymore because I guess she didn\'92t have </w:t>
      </w:r>
    </w:p>
    <w:p>
      <w:pPr/>
      <w:r>
        <w:rPr>
          <w:rFonts w:ascii="Helvetica Light" w:hAnsi="Helvetica Light" w:cs="Helvetica Light"/>
          <w:sz w:val="24"/>
          <w:sz-cs w:val="24"/>
        </w:rPr>
        <w:t xml:space="preserve">anymore yeast.  She must have probably used part of it and gave the rest of it away and that was the </w:t>
      </w:r>
    </w:p>
    <w:p>
      <w:pPr/>
      <w:r>
        <w:rPr>
          <w:rFonts w:ascii="Helvetica Light" w:hAnsi="Helvetica Light" w:cs="Helvetica Light"/>
          <w:sz w:val="24"/>
          <w:sz-cs w:val="24"/>
        </w:rPr>
        <w:t xml:space="preserve">end of it. But then, again, that\'92s not quite right because I don\'92t whether you need yeast, no, you don\'92t </w:t>
      </w:r>
    </w:p>
    <w:p>
      <w:pPr/>
      <w:r>
        <w:rPr>
          <w:rFonts w:ascii="Helvetica Light" w:hAnsi="Helvetica Light" w:cs="Helvetica Light"/>
          <w:sz w:val="24"/>
          <w:sz-cs w:val="24"/>
        </w:rPr>
        <w:t xml:space="preserve">need yeast for piroges. They had bunkers, not bunkers, underground holes, and in those holes they </w:t>
      </w:r>
    </w:p>
    <w:p>
      <w:pPr/>
      <w:r>
        <w:rPr>
          <w:rFonts w:ascii="Helvetica Light" w:hAnsi="Helvetica Light" w:cs="Helvetica Light"/>
          <w:sz w:val="24"/>
          <w:sz-cs w:val="24"/>
        </w:rPr>
        <w:t xml:space="preserve">also had little cooking facilities like barbecue thing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ere was this, in Wilhelmshav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 \tab Because constantly the Americans were bombing Berlin, constantl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Oh, so they built the bunkers as part of the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Built the bunkers underground.  Yes, oh yes, because you were the necessary </w:t>
      </w:r>
    </w:p>
    <w:p>
      <w:pPr/>
      <w:r>
        <w:rPr>
          <w:rFonts w:ascii="Helvetica Light" w:hAnsi="Helvetica Light" w:cs="Helvetica Light"/>
          <w:sz w:val="24"/>
          <w:sz-cs w:val="24"/>
        </w:rPr>
        <w:t xml:space="preserve">commodity.  You had to hide. You could not-- in the first place, you could give Americans a signal. </w:t>
      </w:r>
    </w:p>
    <w:p>
      <w:pPr/>
      <w:r>
        <w:rPr>
          <w:rFonts w:ascii="Helvetica Light" w:hAnsi="Helvetica Light" w:cs="Helvetica Light"/>
          <w:sz w:val="24"/>
          <w:sz-cs w:val="24"/>
        </w:rPr>
        <w:t xml:space="preserve">You had to hide. In the second place, they needed you to clear up the territory after the bombing. My </w:t>
      </w:r>
    </w:p>
    <w:p>
      <w:pPr/>
      <w:r>
        <w:rPr>
          <w:rFonts w:ascii="Helvetica Light" w:hAnsi="Helvetica Light" w:cs="Helvetica Light"/>
          <w:sz w:val="24"/>
          <w:sz-cs w:val="24"/>
        </w:rPr>
        <w:t xml:space="preserve">mother made some pirogis, I remember. That\'92s something like-- uh Jewish have something like, a </w:t>
      </w:r>
    </w:p>
    <w:p>
      <w:pPr/>
      <w:r>
        <w:rPr>
          <w:rFonts w:ascii="Helvetica Light" w:hAnsi="Helvetica Light" w:cs="Helvetica Light"/>
          <w:sz w:val="24"/>
          <w:sz-cs w:val="24"/>
        </w:rPr>
        <w:t xml:space="preserve">dumpling. \par</w:t>
      </w:r>
    </w:p>
    <w:p>
      <w:pPr/>
      <w:r>
        <w:rPr>
          <w:rFonts w:ascii="Helvetica Light" w:hAnsi="Helvetica Light" w:cs="Helvetica Light"/>
          <w:sz w:val="24"/>
          <w:sz-cs w:val="24"/>
        </w:rPr>
        <w:t xml:space="preserve">}\pard \qj\fi-720\li1440\sl395\tx0\tx720\tx1440\tx2160\tx2880\tx3600\tx4320\tx5040\tx5760\tx6480\tx7200\tx7920 </w:t>
      </w:r>
    </w:p>
    <w:p>
      <w:pPr/>
      <w:r>
        <w:rPr>
          <w:rFonts w:ascii="Helvetica Light" w:hAnsi="Helvetica Light" w:cs="Helvetica Light"/>
          <w:sz w:val="24"/>
          <w:sz-cs w:val="24"/>
        </w:rPr>
        <w:t xml:space="preserve">{\plain JF:\tab }{\plain \i Kreplach}{\plain , a dumpl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But something happened. They yelled because there was some smoke getting out so </w:t>
      </w:r>
    </w:p>
    <w:p>
      <w:pPr/>
      <w:r>
        <w:rPr>
          <w:rFonts w:ascii="Helvetica Light" w:hAnsi="Helvetica Light" w:cs="Helvetica Light"/>
          <w:sz w:val="24"/>
          <w:sz-cs w:val="24"/>
        </w:rPr>
        <w:t xml:space="preserve">that was like a signal to the American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as she also involved with the Ukrainian cook when she made the perogies, o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that was-- I think she still had water-- I mean flour and I think that\'92s all it is flour </w:t>
      </w:r>
    </w:p>
    <w:p>
      <w:pPr/>
      <w:r>
        <w:rPr>
          <w:rFonts w:ascii="Helvetica Light" w:hAnsi="Helvetica Light" w:cs="Helvetica Light"/>
          <w:sz w:val="24"/>
          <w:sz-cs w:val="24"/>
        </w:rPr>
        <w:t xml:space="preserve">and water-- and they had heat like a barbe\-cue thing that you put a few sticks together and you did </w:t>
      </w:r>
    </w:p>
    <w:p>
      <w:pPr/>
      <w:r>
        <w:rPr>
          <w:rFonts w:ascii="Helvetica Light" w:hAnsi="Helvetica Light" w:cs="Helvetica Light"/>
          <w:sz w:val="24"/>
          <w:sz-cs w:val="24"/>
        </w:rPr>
        <w:t xml:space="preserve">someth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So, she made it in the bunk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 remember she made like 6 of them, I think, and again there was that pain of who\'92s </w:t>
      </w:r>
    </w:p>
    <w:p>
      <w:pPr/>
      <w:r>
        <w:rPr>
          <w:rFonts w:ascii="Helvetica Light" w:hAnsi="Helvetica Light" w:cs="Helvetica Light"/>
          <w:sz w:val="24"/>
          <w:sz-cs w:val="24"/>
        </w:rPr>
        <w:t xml:space="preserve">going to eat. And, then, shortly after that, one day came the big bombing of Berlin. What a sight and </w:t>
      </w:r>
    </w:p>
    <w:p>
      <w:pPr/>
      <w:r>
        <w:rPr>
          <w:rFonts w:ascii="Helvetica Light" w:hAnsi="Helvetica Light" w:cs="Helvetica Light"/>
          <w:sz w:val="24"/>
          <w:sz-cs w:val="24"/>
        </w:rPr>
        <w:t xml:space="preserve">what a sound! We were tremendously scared but so eagerly happy about the even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were hidden in the bunk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We were-- yes, but we were only thirteen kilometers from Berlin and that bombing </w:t>
      </w:r>
    </w:p>
    <w:p>
      <w:pPr/>
      <w:r>
        <w:rPr>
          <w:rFonts w:ascii="Helvetica Light" w:hAnsi="Helvetica Light" w:cs="Helvetica Light"/>
          <w:sz w:val="24"/>
          <w:sz-cs w:val="24"/>
        </w:rPr>
        <w:t xml:space="preserve">lasted like 4 or 4 \'bd hours. Wave after wave of American\'92s planes were just coming in and dumping </w:t>
      </w:r>
    </w:p>
    <w:p>
      <w:pPr/>
      <w:r>
        <w:rPr>
          <w:rFonts w:ascii="Helvetica Light" w:hAnsi="Helvetica Light" w:cs="Helvetica Light"/>
          <w:sz w:val="24"/>
          <w:sz-cs w:val="24"/>
        </w:rPr>
        <w:t xml:space="preserve">all of their load on Berlin. For 3 days or more after the bombing, Berlin was on fire and money was </w:t>
      </w:r>
    </w:p>
    <w:p>
      <w:pPr/>
      <w:r>
        <w:rPr>
          <w:rFonts w:ascii="Helvetica Light" w:hAnsi="Helvetica Light" w:cs="Helvetica Light"/>
          <w:sz w:val="24"/>
          <w:sz-cs w:val="24"/>
        </w:rPr>
        <w:t xml:space="preserve">coming down even into our camp, German }{\plain \i Marks}{\plain , but they were all burned. Of course, what was the </w:t>
      </w:r>
    </w:p>
    <w:p>
      <w:pPr/>
      <w:r>
        <w:rPr>
          <w:rFonts w:ascii="Helvetica Light" w:hAnsi="Helvetica Light" w:cs="Helvetica Light"/>
          <w:sz w:val="24"/>
          <w:sz-cs w:val="24"/>
        </w:rPr>
        <w:t xml:space="preserve">difference? You couldn\'92t buy anything anywa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ere was the money coming fro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Banks were hit, I think, and the heat took them up in the air and the wind threw them </w:t>
      </w:r>
    </w:p>
    <w:p>
      <w:pPr/>
      <w:r>
        <w:rPr>
          <w:rFonts w:ascii="Helvetica Light" w:hAnsi="Helvetica Light" w:cs="Helvetica Light"/>
          <w:sz w:val="24"/>
          <w:sz-cs w:val="24"/>
        </w:rPr>
        <w:t xml:space="preserve">around. Tremendous heat. It was, like I said, Berlin was burning for a long tim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And pieces of money were actually floating dow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We had pieces was burned.  But things started getting nastier and nastier. The </w:t>
      </w:r>
    </w:p>
    <w:p>
      <w:pPr/>
      <w:r>
        <w:rPr>
          <w:rFonts w:ascii="Helvetica Light" w:hAnsi="Helvetica Light" w:cs="Helvetica Light"/>
          <w:sz w:val="24"/>
          <w:sz-cs w:val="24"/>
        </w:rPr>
        <w:t xml:space="preserve">Russians were coming. Father had to work to fortify the roads. They were building-- blockading  like </w:t>
      </w:r>
    </w:p>
    <w:p>
      <w:pPr/>
      <w:r>
        <w:rPr>
          <w:rFonts w:ascii="Helvetica Light" w:hAnsi="Helvetica Light" w:cs="Helvetica Light"/>
          <w:sz w:val="24"/>
          <w:sz-cs w:val="24"/>
        </w:rPr>
        <w:t xml:space="preserve">roads, forcing the traffic through the middle of the roads. They were building site-- someth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as this the first time that you had been in a work situation in a camp? This was the </w:t>
      </w:r>
    </w:p>
    <w:p>
      <w:pPr/>
      <w:r>
        <w:rPr>
          <w:rFonts w:ascii="Helvetica Light" w:hAnsi="Helvetica Light" w:cs="Helvetica Light"/>
          <w:sz w:val="24"/>
          <w:sz-cs w:val="24"/>
        </w:rPr>
        <w:t xml:space="preserve">first one you were in long enough to be in this situatio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is was the first time we were actually put into work.\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ere you also work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t in that camp, yet. In that camp, I did not know what work was, and I don\'92t </w:t>
      </w:r>
    </w:p>
    <w:p>
      <w:pPr/>
      <w:r>
        <w:rPr>
          <w:rFonts w:ascii="Helvetica Light" w:hAnsi="Helvetica Light" w:cs="Helvetica Light"/>
          <w:sz w:val="24"/>
          <w:sz-cs w:val="24"/>
        </w:rPr>
        <w:t xml:space="preserve">believe my older brother-- He was 12 already and was still not working eith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He was twelv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He was not working eith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How long were you in this camp?\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is camp, we were probably 2 months, 3 months. My parents, somehow, for some </w:t>
      </w:r>
    </w:p>
    <w:p>
      <w:pPr/>
      <w:r>
        <w:rPr>
          <w:rFonts w:ascii="Helvetica Light" w:hAnsi="Helvetica Light" w:cs="Helvetica Light"/>
          <w:sz w:val="24"/>
          <w:sz-cs w:val="24"/>
        </w:rPr>
        <w:t xml:space="preserve">reason my father didn\'92t like that set-up there near Berlin. Maybe the Ukrainians were too strong in </w:t>
      </w:r>
    </w:p>
    <w:p>
      <w:pPr/>
      <w:r>
        <w:rPr>
          <w:rFonts w:ascii="Helvetica Light" w:hAnsi="Helvetica Light" w:cs="Helvetica Light"/>
          <w:sz w:val="24"/>
          <w:sz-cs w:val="24"/>
        </w:rPr>
        <w:t xml:space="preserve">control or something. He was afraid of something. They found out, I still don\'92t know how, that </w:t>
      </w:r>
    </w:p>
    <w:p>
      <w:pPr/>
      <w:r>
        <w:rPr>
          <w:rFonts w:ascii="Helvetica Light" w:hAnsi="Helvetica Light" w:cs="Helvetica Light"/>
          <w:sz w:val="24"/>
          <w:sz-cs w:val="24"/>
        </w:rPr>
        <w:t xml:space="preserve">somebody needs workers, and they made some arrangements with somebody. "Why don\'92t you send </w:t>
      </w:r>
    </w:p>
    <w:p>
      <w:pPr/>
      <w:r>
        <w:rPr>
          <w:rFonts w:ascii="Helvetica Light" w:hAnsi="Helvetica Light" w:cs="Helvetica Light"/>
          <w:sz w:val="24"/>
          <w:sz-cs w:val="24"/>
        </w:rPr>
        <w:t xml:space="preserve">us Poles, x number of people to the working site there?" I don\'92t know what happened, but finally they </w:t>
      </w:r>
    </w:p>
    <w:p>
      <w:pPr/>
      <w:r>
        <w:rPr>
          <w:rFonts w:ascii="Helvetica Light" w:hAnsi="Helvetica Light" w:cs="Helvetica Light"/>
          <w:sz w:val="24"/>
          <w:sz-cs w:val="24"/>
        </w:rPr>
        <w:t xml:space="preserve">did take a whole bunch of us. They sent us from Wilhelmshaven to Bayreuth, and there again we </w:t>
      </w:r>
    </w:p>
    <w:p>
      <w:pPr/>
      <w:r>
        <w:rPr>
          <w:rFonts w:ascii="Helvetica Light" w:hAnsi="Helvetica Light" w:cs="Helvetica Light"/>
          <w:sz w:val="24"/>
          <w:sz-cs w:val="24"/>
        </w:rPr>
        <w:t xml:space="preserve">didn\'92t stay too long, but Neumark was the last on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B-A-Y-R-E-U-T-H. Which was the camp that you were at after Wilhelmshav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Wilhelmshaven. But that one I hardly remember. There was a short camp and I told </w:t>
      </w:r>
    </w:p>
    <w:p>
      <w:pPr/>
      <w:r>
        <w:rPr>
          <w:rFonts w:ascii="Helvetica Light" w:hAnsi="Helvetica Light" w:cs="Helvetica Light"/>
          <w:sz w:val="24"/>
          <w:sz-cs w:val="24"/>
        </w:rPr>
        <w:t xml:space="preserve">my father, "Isn\'92t that something? I remember Strasshof. I remember Berlin and Wilhelmshav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Did he volunteer to go?\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they either heard through this Ukrainian that they are thinking about shipping </w:t>
      </w:r>
    </w:p>
    <w:p>
      <w:pPr/>
      <w:r>
        <w:rPr>
          <w:rFonts w:ascii="Helvetica Light" w:hAnsi="Helvetica Light" w:cs="Helvetica Light"/>
          <w:sz w:val="24"/>
          <w:sz-cs w:val="24"/>
        </w:rPr>
        <w:t xml:space="preserve">some people, or something. But he asked if we could do some work in that area. If you need people? </w:t>
      </w:r>
    </w:p>
    <w:p>
      <w:pPr/>
      <w:r>
        <w:rPr>
          <w:rFonts w:ascii="Helvetica Light" w:hAnsi="Helvetica Light" w:cs="Helvetica Light"/>
          <w:sz w:val="24"/>
          <w:sz-cs w:val="24"/>
        </w:rPr>
        <w:t xml:space="preserve">And now, later on, actually I found out that that was a very good move that they did, because </w:t>
      </w:r>
    </w:p>
    <w:p>
      <w:pPr/>
      <w:r>
        <w:rPr>
          <w:rFonts w:ascii="Helvetica Light" w:hAnsi="Helvetica Light" w:cs="Helvetica Light"/>
          <w:sz w:val="24"/>
          <w:sz-cs w:val="24"/>
        </w:rPr>
        <w:t xml:space="preserve">Russians were coming.  I gather the reason they did this, they were, again afraid of Russians. Russians </w:t>
      </w:r>
    </w:p>
    <w:p>
      <w:pPr/>
      <w:r>
        <w:rPr>
          <w:rFonts w:ascii="Helvetica Light" w:hAnsi="Helvetica Light" w:cs="Helvetica Light"/>
          <w:sz w:val="24"/>
          <w:sz-cs w:val="24"/>
        </w:rPr>
        <w:t xml:space="preserve">were coming very rapidly towards Berlin. War was coming to the end. My father was working on </w:t>
      </w:r>
    </w:p>
    <w:p>
      <w:pPr/>
      <w:r>
        <w:rPr>
          <w:rFonts w:ascii="Helvetica Light" w:hAnsi="Helvetica Light" w:cs="Helvetica Light"/>
          <w:sz w:val="24"/>
          <w:sz-cs w:val="24"/>
        </w:rPr>
        <w:t xml:space="preserve">those preparations to welcome Russians. German defense system. To stop them, to destroy them. We </w:t>
      </w:r>
    </w:p>
    <w:p>
      <w:pPr/>
      <w:r>
        <w:rPr>
          <w:rFonts w:ascii="Helvetica Light" w:hAnsi="Helvetica Light" w:cs="Helvetica Light"/>
          <w:sz w:val="24"/>
          <w:sz-cs w:val="24"/>
        </w:rPr>
        <w:t xml:space="preserve">were moved through Bayreuth.  I don\'92t remember how long we were there, to Newmark.\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Now Bayreuth was also a camp for Pol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ey were all camps.\tab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But was it for Poles in particular though o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e only place, where there were non-Poles in the camp was Neumark. There were </w:t>
      </w:r>
    </w:p>
    <w:p>
      <w:pPr/>
      <w:r>
        <w:rPr>
          <w:rFonts w:ascii="Helvetica Light" w:hAnsi="Helvetica Light" w:cs="Helvetica Light"/>
          <w:sz w:val="24"/>
          <w:sz-cs w:val="24"/>
        </w:rPr>
        <w:t xml:space="preserve">some Russians and there were some French, but all the others-- I never talked to anybody.  But I still </w:t>
      </w:r>
    </w:p>
    <w:p>
      <w:pPr/>
      <w:r>
        <w:rPr>
          <w:rFonts w:ascii="Helvetica Light" w:hAnsi="Helvetica Light" w:cs="Helvetica Light"/>
          <w:sz w:val="24"/>
          <w:sz-cs w:val="24"/>
        </w:rPr>
        <w:t xml:space="preserve">don\'92t remember talking to anybody anyway except your immediate barrack surround\-ing. I don\'92t know </w:t>
      </w:r>
    </w:p>
    <w:p>
      <w:pPr/>
      <w:r>
        <w:rPr>
          <w:rFonts w:ascii="Helvetica Light" w:hAnsi="Helvetica Light" w:cs="Helvetica Light"/>
          <w:sz w:val="24"/>
          <w:sz-cs w:val="24"/>
        </w:rPr>
        <w:t xml:space="preserve">if we weren\'92t allowed to go another barrack.  I never was in another barracks, just my own, ev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 people who were in the camps that you are describing were primarily refugees? </w:t>
      </w:r>
    </w:p>
    <w:p>
      <w:pPr/>
      <w:r>
        <w:rPr>
          <w:rFonts w:ascii="Helvetica Light" w:hAnsi="Helvetica Light" w:cs="Helvetica Light"/>
          <w:sz w:val="24"/>
          <w:sz-cs w:val="24"/>
        </w:rPr>
        <w:t xml:space="preserve">They were not political?\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they were all political but they were trying not to be labeled as political.\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Okay. The Jews were not in these camps, or Gypsi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 don\'92t recall. No. No-- where they were-- Gypsies because I would recognize them. </w:t>
      </w:r>
    </w:p>
    <w:p>
      <w:pPr/>
      <w:r>
        <w:rPr>
          <w:rFonts w:ascii="Helvetica Light" w:hAnsi="Helvetica Light" w:cs="Helvetica Light"/>
          <w:sz w:val="24"/>
          <w:sz-cs w:val="24"/>
        </w:rPr>
        <w:t xml:space="preserve">Jews, I would not recognize them as such, but I would hea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y would be labele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n camps, perhaps not. I don\'92t know.\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were wearing \'93P.\'94\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We were wearing "P". That is correct. That is true, I don\'92t remember a Star of David </w:t>
      </w:r>
    </w:p>
    <w:p>
      <w:pPr/>
      <w:r>
        <w:rPr>
          <w:rFonts w:ascii="Helvetica Light" w:hAnsi="Helvetica Light" w:cs="Helvetica Light"/>
          <w:sz w:val="24"/>
          <w:sz-cs w:val="24"/>
        </w:rPr>
        <w:t xml:space="preserve">in the camps, none of the camps. I would probably hear Ukrainians use the word, derogatory word </w:t>
      </w:r>
    </w:p>
    <w:p>
      <w:pPr/>
      <w:r>
        <w:rPr>
          <w:rFonts w:ascii="Helvetica Light" w:hAnsi="Helvetica Light" w:cs="Helvetica Light"/>
          <w:sz w:val="24"/>
          <w:sz-cs w:val="24"/>
        </w:rPr>
        <w:t xml:space="preserve">"Jew," like "Pole," because that I would recognize and I don\'92t remember anything like tha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 Russians and the French that you are describing do you have any idea how they </w:t>
      </w:r>
    </w:p>
    <w:p>
      <w:pPr/>
      <w:r>
        <w:rPr>
          <w:rFonts w:ascii="Helvetica Light" w:hAnsi="Helvetica Light" w:cs="Helvetica Light"/>
          <w:sz w:val="24"/>
          <w:sz-cs w:val="24"/>
        </w:rPr>
        <w:t xml:space="preserve">ended up in German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 believe that they were deserters, or something, some kind of...\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But, not prisoners of war? That would have been a separate, totally separat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they were like civilians, but some civilians that were not to be trusted, I guess. </w:t>
      </w:r>
    </w:p>
    <w:p>
      <w:pPr/>
      <w:r>
        <w:rPr>
          <w:rFonts w:ascii="Helvetica Light" w:hAnsi="Helvetica Light" w:cs="Helvetica Light"/>
          <w:sz w:val="24"/>
          <w:sz-cs w:val="24"/>
        </w:rPr>
        <w:t xml:space="preserve">They were captured civilians, just like us Poles, that they could not trust them on their ow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y were in the wrong place at the wrong tim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they didn\'92t want to leave them free, so they had to lock them up, to keep an eye </w:t>
      </w:r>
    </w:p>
    <w:p>
      <w:pPr/>
      <w:r>
        <w:rPr>
          <w:rFonts w:ascii="Helvetica Light" w:hAnsi="Helvetica Light" w:cs="Helvetica Light"/>
          <w:sz w:val="24"/>
          <w:sz-cs w:val="24"/>
        </w:rPr>
        <w:t xml:space="preserve">on the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So, the fifth camp, the fifth location that you were in-- you pronounce it N E U M A </w:t>
      </w:r>
    </w:p>
    <w:p>
      <w:pPr/>
      <w:r>
        <w:rPr>
          <w:rFonts w:ascii="Helvetica Light" w:hAnsi="Helvetica Light" w:cs="Helvetica Light"/>
          <w:sz w:val="24"/>
          <w:sz-cs w:val="24"/>
        </w:rPr>
        <w:t xml:space="preserve">R K?\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ich was where, approximatel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n Bavaria, I think.\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is was in Bavaria?\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 think. Neumark. I am not sure, }{\plain \sub  }{\plain but in that camp I was a woman. That I labeled </w:t>
      </w:r>
    </w:p>
    <w:p>
      <w:pPr/>
      <w:r>
        <w:rPr>
          <w:rFonts w:ascii="Helvetica Light" w:hAnsi="Helvetica Light" w:cs="Helvetica Light"/>
          <w:sz w:val="24"/>
          <w:sz-cs w:val="24"/>
        </w:rPr>
        <w:t xml:space="preserve">myself. I think I heard my parents talk about that. I had to go to work with my mother until before </w:t>
      </w:r>
    </w:p>
    <w:p>
      <w:pPr/>
      <w:r>
        <w:rPr>
          <w:rFonts w:ascii="Helvetica Light" w:hAnsi="Helvetica Light" w:cs="Helvetica Light"/>
          <w:sz w:val="24"/>
          <w:sz-cs w:val="24"/>
        </w:rPr>
        <w:t xml:space="preserve">the war ended. Then I went with my older brother and father to work. Men were men and any male </w:t>
      </w:r>
    </w:p>
    <w:p>
      <w:pPr/>
      <w:r>
        <w:rPr>
          <w:rFonts w:ascii="Helvetica Light" w:hAnsi="Helvetica Light" w:cs="Helvetica Light"/>
          <w:sz w:val="24"/>
          <w:sz-cs w:val="24"/>
        </w:rPr>
        <w:t xml:space="preserve">below 12 was a woman, went to work with the wom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is is your label?\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at is my label because I was not allowed to go with men to work, and there were </w:t>
      </w:r>
    </w:p>
    <w:p>
      <w:pPr/>
      <w:r>
        <w:rPr>
          <w:rFonts w:ascii="Helvetica Light" w:hAnsi="Helvetica Light" w:cs="Helvetica Light"/>
          <w:sz w:val="24"/>
          <w:sz-cs w:val="24"/>
        </w:rPr>
        <w:t xml:space="preserve">no children, so we went with wom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How did you feel? With that separatio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ere I felt very bad, because I loved my father. I loved my brother and I loved my </w:t>
      </w:r>
    </w:p>
    <w:p>
      <w:pPr/>
      <w:r>
        <w:rPr>
          <w:rFonts w:ascii="Helvetica Light" w:hAnsi="Helvetica Light" w:cs="Helvetica Light"/>
          <w:sz w:val="24"/>
          <w:sz-cs w:val="24"/>
        </w:rPr>
        <w:t xml:space="preserve">mother, but I felt that I am, even within our own group, that I am something not right. I can\'92t go with </w:t>
      </w:r>
    </w:p>
    <w:p>
      <w:pPr/>
      <w:r>
        <w:rPr>
          <w:rFonts w:ascii="Helvetica Light" w:hAnsi="Helvetica Light" w:cs="Helvetica Light"/>
          <w:sz w:val="24"/>
          <w:sz-cs w:val="24"/>
        </w:rPr>
        <w:t xml:space="preserve">my brother, and I can\'92t stick to my father. I am forced to be with my mother and I don\'92t know-- just </w:t>
      </w:r>
    </w:p>
    <w:p>
      <w:pPr/>
      <w:r>
        <w:rPr>
          <w:rFonts w:ascii="Helvetica Light" w:hAnsi="Helvetica Light" w:cs="Helvetica Light"/>
          <w:sz w:val="24"/>
          <w:sz-cs w:val="24"/>
        </w:rPr>
        <w:t xml:space="preserve">felt that I just don\'92t fit into this world\'92s puzzle. Like there is something wrong with me, something </w:t>
      </w:r>
    </w:p>
    <w:p>
      <w:pPr/>
      <w:r>
        <w:rPr>
          <w:rFonts w:ascii="Helvetica Light" w:hAnsi="Helvetica Light" w:cs="Helvetica Light"/>
          <w:sz w:val="24"/>
          <w:sz-cs w:val="24"/>
        </w:rPr>
        <w:t xml:space="preserve">terribly wrong. I didn\'92t realize that I was actually lucky that I wasn\'92t able to be used fully ye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understood the technical cutoff of the age of 12?\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 \tab But the feeling of working with the women and not being identified with the male </w:t>
      </w:r>
    </w:p>
    <w:p>
      <w:pPr/>
      <w:r>
        <w:rPr>
          <w:rFonts w:ascii="Helvetica Light" w:hAnsi="Helvetica Light" w:cs="Helvetica Light"/>
          <w:sz w:val="24"/>
          <w:sz-cs w:val="24"/>
        </w:rPr>
        <w:t xml:space="preserve">side...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t wasn't that much. It was my own feeling of what is wrong with me. What is actually </w:t>
      </w:r>
    </w:p>
    <w:p>
      <w:pPr/>
      <w:r>
        <w:rPr>
          <w:rFonts w:ascii="Helvetica Light" w:hAnsi="Helvetica Light" w:cs="Helvetica Light"/>
          <w:sz w:val="24"/>
          <w:sz-cs w:val="24"/>
        </w:rPr>
        <w:t xml:space="preserve">wrong with me? I understand that I am not quite 12 but I am capable, I am the same size as my </w:t>
      </w:r>
    </w:p>
    <w:p>
      <w:pPr/>
      <w:r>
        <w:rPr>
          <w:rFonts w:ascii="Helvetica Light" w:hAnsi="Helvetica Light" w:cs="Helvetica Light"/>
          <w:sz w:val="24"/>
          <w:sz-cs w:val="24"/>
        </w:rPr>
        <w:t xml:space="preserve">brother; I am capable of doing the same thing. It was actually false man's ego, I think; I wanted to do </w:t>
      </w:r>
    </w:p>
    <w:p>
      <w:pPr/>
      <w:r>
        <w:rPr>
          <w:rFonts w:ascii="Helvetica Light" w:hAnsi="Helvetica Light" w:cs="Helvetica Light"/>
          <w:sz w:val="24"/>
          <w:sz-cs w:val="24"/>
        </w:rPr>
        <w:t xml:space="preserve">more.  Isn\'92t that someth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So you felt that you should have been picked anyway, that the age was an irrelevant </w:t>
      </w:r>
    </w:p>
    <w:p>
      <w:pPr/>
      <w:r>
        <w:rPr>
          <w:rFonts w:ascii="Helvetica Light" w:hAnsi="Helvetica Light" w:cs="Helvetica Light"/>
          <w:sz w:val="24"/>
          <w:sz-cs w:val="24"/>
        </w:rPr>
        <w:t xml:space="preserve">issue, that somehow they had not chosen you to go with the m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that I am with wom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at kind of work were you doing with your moth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t was mostly gathering wood for kitchen. They would not allow us to work in the </w:t>
      </w:r>
    </w:p>
    <w:p>
      <w:pPr/>
      <w:r>
        <w:rPr>
          <w:rFonts w:ascii="Helvetica Light" w:hAnsi="Helvetica Light" w:cs="Helvetica Light"/>
          <w:sz w:val="24"/>
          <w:sz-cs w:val="24"/>
        </w:rPr>
        <w:t xml:space="preserve">kitchens because then we would grab some foo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Did you feel that the work was beneath your abilities, you know, beneath your </w:t>
      </w:r>
    </w:p>
    <w:p>
      <w:pPr/>
      <w:r>
        <w:rPr>
          <w:rFonts w:ascii="Helvetica Light" w:hAnsi="Helvetica Light" w:cs="Helvetica Light"/>
          <w:sz w:val="24"/>
          <w:sz-cs w:val="24"/>
        </w:rPr>
        <w:t xml:space="preserve">strength?\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there was-- actually work was har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 work was still har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t was very hard and I remember one incident that is deeply buried in my mind. It was </w:t>
      </w:r>
    </w:p>
    <w:p>
      <w:pPr/>
      <w:r>
        <w:rPr>
          <w:rFonts w:ascii="Helvetica Light" w:hAnsi="Helvetica Light" w:cs="Helvetica Light"/>
          <w:sz w:val="24"/>
          <w:sz-cs w:val="24"/>
        </w:rPr>
        <w:t xml:space="preserve">very snowy. For some reason it was always snowing. Always cold. We went out into woods, again </w:t>
      </w:r>
    </w:p>
    <w:p>
      <w:pPr/>
      <w:r>
        <w:rPr>
          <w:rFonts w:ascii="Helvetica Light" w:hAnsi="Helvetica Light" w:cs="Helvetica Light"/>
          <w:sz w:val="24"/>
          <w:sz-cs w:val="24"/>
        </w:rPr>
        <w:t xml:space="preserve">Ukrainian guards, no guns, just with big sticks, night sticks. Each guard had two people, or something </w:t>
      </w:r>
    </w:p>
    <w:p>
      <w:pPr/>
      <w:r>
        <w:rPr>
          <w:rFonts w:ascii="Helvetica Light" w:hAnsi="Helvetica Light" w:cs="Helvetica Light"/>
          <w:sz w:val="24"/>
          <w:sz-cs w:val="24"/>
        </w:rPr>
        <w:t xml:space="preserve">like that, to watch. We went into woods, to pick woods, to gather them up, make big bundle, put in </w:t>
      </w:r>
    </w:p>
    <w:p>
      <w:pPr/>
      <w:r>
        <w:rPr>
          <w:rFonts w:ascii="Helvetica Light" w:hAnsi="Helvetica Light" w:cs="Helvetica Light"/>
          <w:sz w:val="24"/>
          <w:sz-cs w:val="24"/>
        </w:rPr>
        <w:t xml:space="preserve">on your shoulders and bring it back. They tell you when the bundle is big enough. Prior to that, </w:t>
      </w:r>
    </w:p>
    <w:p>
      <w:pPr/>
      <w:r>
        <w:rPr>
          <w:rFonts w:ascii="Helvetica Light" w:hAnsi="Helvetica Light" w:cs="Helvetica Light"/>
          <w:sz w:val="24"/>
          <w:sz-cs w:val="24"/>
        </w:rPr>
        <w:t xml:space="preserve">airplanes went by and there were some leaflets dropped. God help you if you touched a leaflet! </w:t>
      </w:r>
    </w:p>
    <w:p>
      <w:pPr/>
      <w:r>
        <w:rPr>
          <w:rFonts w:ascii="Helvetica Light" w:hAnsi="Helvetica Light" w:cs="Helvetica Light"/>
          <w:sz w:val="24"/>
          <w:sz-cs w:val="24"/>
        </w:rPr>
        <w:t xml:space="preserve">Somehow, somebody managed to bring one back to camp, and the word went around about what was </w:t>
      </w:r>
    </w:p>
    <w:p>
      <w:pPr/>
      <w:r>
        <w:rPr>
          <w:rFonts w:ascii="Helvetica Light" w:hAnsi="Helvetica Light" w:cs="Helvetica Light"/>
          <w:sz w:val="24"/>
          <w:sz-cs w:val="24"/>
        </w:rPr>
        <w:t xml:space="preserve">happening in the world. I had no socks. I had some kind of shoes. Snow was up to my knee, cutting, </w:t>
      </w:r>
    </w:p>
    <w:p>
      <w:pPr/>
      <w:r>
        <w:rPr>
          <w:rFonts w:ascii="Helvetica Light" w:hAnsi="Helvetica Light" w:cs="Helvetica Light"/>
          <w:sz w:val="24"/>
          <w:sz-cs w:val="24"/>
        </w:rPr>
        <w:t xml:space="preserve">going up the mountain. I told my mother that my feet are freezing. She said, "Take off your shoes and </w:t>
      </w:r>
    </w:p>
    <w:p>
      <w:pPr/>
      <w:r>
        <w:rPr>
          <w:rFonts w:ascii="Helvetica Light" w:hAnsi="Helvetica Light" w:cs="Helvetica Light"/>
          <w:sz w:val="24"/>
          <w:sz-cs w:val="24"/>
        </w:rPr>
        <w:t xml:space="preserve">start rubbing them with the snow, your feet." First she went up to help me and he yelled terribly, so </w:t>
      </w:r>
    </w:p>
    <w:p>
      <w:pPr/>
      <w:r>
        <w:rPr>
          <w:rFonts w:ascii="Helvetica Light" w:hAnsi="Helvetica Light" w:cs="Helvetica Light"/>
          <w:sz w:val="24"/>
          <w:sz-cs w:val="24"/>
        </w:rPr>
        <w:t xml:space="preserve">we had to separate, but then she said, "Don't forget. Rub your feet with snow." I did that and my feet </w:t>
      </w:r>
    </w:p>
    <w:p>
      <w:pPr/>
      <w:r>
        <w:rPr>
          <w:rFonts w:ascii="Helvetica Light" w:hAnsi="Helvetica Light" w:cs="Helvetica Light"/>
          <w:sz w:val="24"/>
          <w:sz-cs w:val="24"/>
        </w:rPr>
        <w:t xml:space="preserve">started to freeze up to my ankles, hot ankles, up to my knees. They started losing the feel of it, and </w:t>
      </w:r>
    </w:p>
    <w:p>
      <w:pPr/>
      <w:r>
        <w:rPr>
          <w:rFonts w:ascii="Helvetica Light" w:hAnsi="Helvetica Light" w:cs="Helvetica Light"/>
          <w:sz w:val="24"/>
          <w:sz-cs w:val="24"/>
        </w:rPr>
        <w:t xml:space="preserve">I remember my mother started again rubbing it. She ripped off part of her dress and wrapped it </w:t>
      </w:r>
    </w:p>
    <w:p>
      <w:pPr/>
      <w:r>
        <w:rPr>
          <w:rFonts w:ascii="Helvetica Light" w:hAnsi="Helvetica Light" w:cs="Helvetica Light"/>
          <w:sz w:val="24"/>
          <w:sz-cs w:val="24"/>
        </w:rPr>
        <w:t xml:space="preserve">around my feet and told me to stick my feet with that stuff into the shoes. She took my load of wood </w:t>
      </w:r>
    </w:p>
    <w:p>
      <w:pPr/>
      <w:r>
        <w:rPr>
          <w:rFonts w:ascii="Helvetica Light" w:hAnsi="Helvetica Light" w:cs="Helvetica Light"/>
          <w:sz w:val="24"/>
          <w:sz-cs w:val="24"/>
        </w:rPr>
        <w:t xml:space="preserve">on her back and the jerk ran  up and knocked her down and told me to carry mine and she is to carry </w:t>
      </w:r>
    </w:p>
    <w:p>
      <w:pPr/>
      <w:r>
        <w:rPr>
          <w:rFonts w:ascii="Helvetica Light" w:hAnsi="Helvetica Light" w:cs="Helvetica Light"/>
          <w:sz w:val="24"/>
          <w:sz-cs w:val="24"/>
        </w:rPr>
        <w:t xml:space="preserve">her own. "What do you think this i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is was the Ukrainian guar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Then we get to the gate, close to the camp, then the siren blows. Air raid. Who </w:t>
      </w:r>
    </w:p>
    <w:p>
      <w:pPr/>
      <w:r>
        <w:rPr>
          <w:rFonts w:ascii="Helvetica Light" w:hAnsi="Helvetica Light" w:cs="Helvetica Light"/>
          <w:sz w:val="24"/>
          <w:sz-cs w:val="24"/>
        </w:rPr>
        <w:t xml:space="preserve">cares? An air raid would probably liberate us from the whole thing. You are not allowed to go back </w:t>
      </w:r>
    </w:p>
    <w:p>
      <w:pPr/>
      <w:r>
        <w:rPr>
          <w:rFonts w:ascii="Helvetica Light" w:hAnsi="Helvetica Light" w:cs="Helvetica Light"/>
          <w:sz w:val="24"/>
          <w:sz-cs w:val="24"/>
        </w:rPr>
        <w:t xml:space="preserve">into barrack. You have to crawl into the very ugly hole they have in the ground. It was probably </w:t>
      </w:r>
    </w:p>
    <w:p>
      <w:pPr/>
      <w:r>
        <w:rPr>
          <w:rFonts w:ascii="Helvetica Light" w:hAnsi="Helvetica Light" w:cs="Helvetica Light"/>
          <w:sz w:val="24"/>
          <w:sz-cs w:val="24"/>
        </w:rPr>
        <w:t xml:space="preserve">about 8 feet, six, seven feet deep and about 4 or 5 feet wide, just like a ditch, with some lumber on </w:t>
      </w:r>
    </w:p>
    <w:p>
      <w:pPr/>
      <w:r>
        <w:rPr>
          <w:rFonts w:ascii="Helvetica Light" w:hAnsi="Helvetica Light" w:cs="Helvetica Light"/>
          <w:sz w:val="24"/>
          <w:sz-cs w:val="24"/>
        </w:rPr>
        <w:t xml:space="preserve">top, some cut wood on top and some dirt thrown on it, full of water, mud. When you get in it you </w:t>
      </w:r>
    </w:p>
    <w:p>
      <w:pPr/>
      <w:r>
        <w:rPr>
          <w:rFonts w:ascii="Helvetica Light" w:hAnsi="Helvetica Light" w:cs="Helvetica Light"/>
          <w:sz w:val="24"/>
          <w:sz-cs w:val="24"/>
        </w:rPr>
        <w:t xml:space="preserve">are in mud up to your knees again. Terrible. They chase us in there. [unclear] My mother says, "When </w:t>
      </w:r>
    </w:p>
    <w:p>
      <w:pPr/>
      <w:r>
        <w:rPr>
          <w:rFonts w:ascii="Helvetica Light" w:hAnsi="Helvetica Light" w:cs="Helvetica Light"/>
          <w:sz w:val="24"/>
          <w:sz-cs w:val="24"/>
        </w:rPr>
        <w:t xml:space="preserve">I give you the signal, you run for the barrack." I said, "But what about you?" "I'll take care of myself." </w:t>
      </w:r>
    </w:p>
    <w:p>
      <w:pPr/>
      <w:r>
        <w:rPr>
          <w:rFonts w:ascii="Helvetica Light" w:hAnsi="Helvetica Light" w:cs="Helvetica Light"/>
          <w:sz w:val="24"/>
          <w:sz-cs w:val="24"/>
        </w:rPr>
        <w:t xml:space="preserve">So she started arguing with the Ukrainian. "He says, "I guess my cane didn't hit you in the back yet," </w:t>
      </w:r>
    </w:p>
    <w:p>
      <w:pPr/>
      <w:r>
        <w:rPr>
          <w:rFonts w:ascii="Helvetica Light" w:hAnsi="Helvetica Light" w:cs="Helvetica Light"/>
          <w:sz w:val="24"/>
          <w:sz-cs w:val="24"/>
        </w:rPr>
        <w:t xml:space="preserve">and she says, "It's not going to," So then he started swinging at her, and she says, "Run!" and I started </w:t>
      </w:r>
    </w:p>
    <w:p>
      <w:pPr/>
      <w:r>
        <w:rPr>
          <w:rFonts w:ascii="Helvetica Light" w:hAnsi="Helvetica Light" w:cs="Helvetica Light"/>
          <w:sz w:val="24"/>
          <w:sz-cs w:val="24"/>
        </w:rPr>
        <w:t xml:space="preserve">to run. Then he realized what we were doing. He wasn't allowed to run in the yard, either, because </w:t>
      </w:r>
    </w:p>
    <w:p>
      <w:pPr/>
      <w:r>
        <w:rPr>
          <w:rFonts w:ascii="Helvetica Light" w:hAnsi="Helvetica Light" w:cs="Helvetica Light"/>
          <w:sz w:val="24"/>
          <w:sz-cs w:val="24"/>
        </w:rPr>
        <w:t xml:space="preserve">there was an air raid. So he takes the stick and he throws it like they used to get rabbits in Europ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e stick would move in a circular motio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so you can get somebody like that. Well, I ducked, and it went over me. He was </w:t>
      </w:r>
    </w:p>
    <w:p>
      <w:pPr/>
      <w:r>
        <w:rPr>
          <w:rFonts w:ascii="Helvetica Light" w:hAnsi="Helvetica Light" w:cs="Helvetica Light"/>
          <w:sz w:val="24"/>
          <w:sz-cs w:val="24"/>
        </w:rPr>
        <w:t xml:space="preserve">a good thrower, you know. He had strength. And I dove into the barrack and I crawled into a corner </w:t>
      </w:r>
    </w:p>
    <w:p>
      <w:pPr/>
      <w:r>
        <w:rPr>
          <w:rFonts w:ascii="Helvetica Light" w:hAnsi="Helvetica Light" w:cs="Helvetica Light"/>
          <w:sz w:val="24"/>
          <w:sz-cs w:val="24"/>
        </w:rPr>
        <w:t xml:space="preserve">under my }{\plain \i pritcha}{\plain , under my bed, and I just stayed ther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Shak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ere was no heat in the barracks either, or whatever. Well, after a while, my mother </w:t>
      </w:r>
    </w:p>
    <w:p>
      <w:pPr/>
      <w:r>
        <w:rPr>
          <w:rFonts w:ascii="Helvetica Light" w:hAnsi="Helvetica Light" w:cs="Helvetica Light"/>
          <w:sz w:val="24"/>
          <w:sz-cs w:val="24"/>
        </w:rPr>
        <w:t xml:space="preserve">came in, everybody came back. He was looking for me and my mother told me not to get out from </w:t>
      </w:r>
    </w:p>
    <w:p>
      <w:pPr/>
      <w:r>
        <w:rPr>
          <w:rFonts w:ascii="Helvetica Light" w:hAnsi="Helvetica Light" w:cs="Helvetica Light"/>
          <w:sz w:val="24"/>
          <w:sz-cs w:val="24"/>
        </w:rPr>
        <w:t xml:space="preserve">under the bed. He was looking, I guess for me, to do something to me also. From then on I always </w:t>
      </w:r>
    </w:p>
    <w:p>
      <w:pPr/>
      <w:r>
        <w:rPr>
          <w:rFonts w:ascii="Helvetica Light" w:hAnsi="Helvetica Light" w:cs="Helvetica Light"/>
          <w:sz w:val="24"/>
          <w:sz-cs w:val="24"/>
        </w:rPr>
        <w:t xml:space="preserve">experience problems with my feet, when it gets cold. In wintertime, summertime, it's okay, but in the </w:t>
      </w:r>
    </w:p>
    <w:p>
      <w:pPr/>
      <w:r>
        <w:rPr>
          <w:rFonts w:ascii="Helvetica Light" w:hAnsi="Helvetica Light" w:cs="Helvetica Light"/>
          <w:sz w:val="24"/>
          <w:sz-cs w:val="24"/>
        </w:rPr>
        <w:t xml:space="preserve">wintertime I start getting this proble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at kind of problem? Pai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my, it like itches, my skin starts cracking and I have some kind of skin problem </w:t>
      </w:r>
    </w:p>
    <w:p>
      <w:pPr/>
      <w:r>
        <w:rPr>
          <w:rFonts w:ascii="Helvetica Light" w:hAnsi="Helvetica Light" w:cs="Helvetica Light"/>
          <w:sz w:val="24"/>
          <w:sz-cs w:val="24"/>
        </w:rPr>
        <w:t xml:space="preserve">I gues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A skin problem, primarily, with your fee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n summertime it's okay, but in the wintertime when it starts getting cold, and then it </w:t>
      </w:r>
    </w:p>
    <w:p>
      <w:pPr/>
      <w:r>
        <w:rPr>
          <w:rFonts w:ascii="Helvetica Light" w:hAnsi="Helvetica Light" w:cs="Helvetica Light"/>
          <w:sz w:val="24"/>
          <w:sz-cs w:val="24"/>
        </w:rPr>
        <w:t xml:space="preserve">gets pain, like I get cold, like at work, I can be sitting and everybody is warm, and I start feeling this </w:t>
      </w:r>
    </w:p>
    <w:p>
      <w:pPr/>
      <w:r>
        <w:rPr>
          <w:rFonts w:ascii="Helvetica Light" w:hAnsi="Helvetica Light" w:cs="Helvetica Light"/>
          <w:sz w:val="24"/>
          <w:sz-cs w:val="24"/>
        </w:rPr>
        <w:t xml:space="preserve">cold all the way up to my knees. This cold, real cold. At home when I sleep in the wintertime I have </w:t>
      </w:r>
    </w:p>
    <w:p>
      <w:pPr/>
      <w:r>
        <w:rPr>
          <w:rFonts w:ascii="Helvetica Light" w:hAnsi="Helvetica Light" w:cs="Helvetica Light"/>
          <w:sz w:val="24"/>
          <w:sz-cs w:val="24"/>
        </w:rPr>
        <w:t xml:space="preserve">to put socks on. In the summertime I am okay. Maybe it's psychological, or something. But it is </w:t>
      </w:r>
    </w:p>
    <w:p>
      <w:pPr/>
      <w:r>
        <w:rPr>
          <w:rFonts w:ascii="Helvetica Light" w:hAnsi="Helvetica Light" w:cs="Helvetica Light"/>
          <w:sz w:val="24"/>
          <w:sz-cs w:val="24"/>
        </w:rPr>
        <w:t xml:space="preserve">giving me some pai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ere you ever punished for escaping from the line like that, at that tim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not really that I remember. The worse thing that I would get was a good kick. </w:t>
      </w:r>
    </w:p>
    <w:p>
      <w:pPr/>
      <w:r>
        <w:rPr>
          <w:rFonts w:ascii="Helvetica Light" w:hAnsi="Helvetica Light" w:cs="Helvetica Light"/>
          <w:sz w:val="24"/>
          <w:sz-cs w:val="24"/>
        </w:rPr>
        <w:t xml:space="preserve">And then you would fly. But that was no punishment. For some reason I never cried. Never </w:t>
      </w:r>
    </w:p>
    <w:p>
      <w:pPr/>
      <w:r>
        <w:rPr>
          <w:rFonts w:ascii="Helvetica Light" w:hAnsi="Helvetica Light" w:cs="Helvetica Light"/>
          <w:sz w:val="24"/>
          <w:sz-cs w:val="24"/>
        </w:rPr>
        <w:t xml:space="preserve">experienced any-- or showed anything that would make my parents' day worse. I never asked for </w:t>
      </w:r>
    </w:p>
    <w:p>
      <w:pPr/>
      <w:r>
        <w:rPr>
          <w:rFonts w:ascii="Helvetica Light" w:hAnsi="Helvetica Light" w:cs="Helvetica Light"/>
          <w:sz w:val="24"/>
          <w:sz-cs w:val="24"/>
        </w:rPr>
        <w:t xml:space="preserve">food, or asked for anyth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never showed anything that made your parent's day worse? Were you feeling it, </w:t>
      </w:r>
    </w:p>
    <w:p>
      <w:pPr/>
      <w:r>
        <w:rPr>
          <w:rFonts w:ascii="Helvetica Light" w:hAnsi="Helvetica Light" w:cs="Helvetica Light"/>
          <w:sz w:val="24"/>
          <w:sz-cs w:val="24"/>
        </w:rPr>
        <w:t xml:space="preserve">or did you have to push down those feelings at that tim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I guess you always feel it. [Long pause] You try not to. Knowing that actually by </w:t>
      </w:r>
    </w:p>
    <w:p>
      <w:pPr/>
      <w:r>
        <w:rPr>
          <w:rFonts w:ascii="Helvetica Light" w:hAnsi="Helvetica Light" w:cs="Helvetica Light"/>
          <w:sz w:val="24"/>
          <w:sz-cs w:val="24"/>
        </w:rPr>
        <w:t xml:space="preserve">doing so you would hurt more your parent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were trying to protect them from more hur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ou were trying to be a super adult and it's unreal. It's hard to become an adult at such </w:t>
      </w:r>
    </w:p>
    <w:p>
      <w:pPr/>
      <w:r>
        <w:rPr>
          <w:rFonts w:ascii="Helvetica Light" w:hAnsi="Helvetica Light" w:cs="Helvetica Light"/>
          <w:sz w:val="24"/>
          <w:sz-cs w:val="24"/>
        </w:rPr>
        <w:t xml:space="preserve">and early ag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didn't have much opportunity to be a kid?\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but I actually don't miss it too much except when my kids are going through </w:t>
      </w:r>
    </w:p>
    <w:p>
      <w:pPr/>
      <w:r>
        <w:rPr>
          <w:rFonts w:ascii="Helvetica Light" w:hAnsi="Helvetica Light" w:cs="Helvetica Light"/>
          <w:sz w:val="24"/>
          <w:sz-cs w:val="24"/>
        </w:rPr>
        <w:t xml:space="preserve">something now at school. Parties or something, dances, I want them so badly to participate in it. I </w:t>
      </w:r>
    </w:p>
    <w:p>
      <w:pPr/>
      <w:r>
        <w:rPr>
          <w:rFonts w:ascii="Helvetica Light" w:hAnsi="Helvetica Light" w:cs="Helvetica Light"/>
          <w:sz w:val="24"/>
          <w:sz-cs w:val="24"/>
        </w:rPr>
        <w:t xml:space="preserve">want to have so much fun in everything they do. I want them to experience their time in life. I'm </w:t>
      </w:r>
    </w:p>
    <w:p>
      <w:pPr/>
      <w:r>
        <w:rPr>
          <w:rFonts w:ascii="Helvetica Light" w:hAnsi="Helvetica Light" w:cs="Helvetica Light"/>
          <w:sz w:val="24"/>
          <w:sz-cs w:val="24"/>
        </w:rPr>
        <w:t xml:space="preserve">telling-- often I tell them, "Don't watch that TV. That has nothing to do with you." That soaps or </w:t>
      </w:r>
    </w:p>
    <w:p>
      <w:pPr/>
      <w:r>
        <w:rPr>
          <w:rFonts w:ascii="Helvetica Light" w:hAnsi="Helvetica Light" w:cs="Helvetica Light"/>
          <w:sz w:val="24"/>
          <w:sz-cs w:val="24"/>
        </w:rPr>
        <w:t xml:space="preserve">something, like my daughter would be watching. "That's way over your head. Over your age. Why </w:t>
      </w:r>
    </w:p>
    <w:p>
      <w:pPr/>
      <w:r>
        <w:rPr>
          <w:rFonts w:ascii="Helvetica Light" w:hAnsi="Helvetica Light" w:cs="Helvetica Light"/>
          <w:sz w:val="24"/>
          <w:sz-cs w:val="24"/>
        </w:rPr>
        <w:t xml:space="preserve">don't you live your own age, because before you know it, it is gone and you will miss that. Don't get </w:t>
      </w:r>
    </w:p>
    <w:p>
      <w:pPr/>
      <w:r>
        <w:rPr>
          <w:rFonts w:ascii="Helvetica Light" w:hAnsi="Helvetica Light" w:cs="Helvetica Light"/>
          <w:sz w:val="24"/>
          <w:sz-cs w:val="24"/>
        </w:rPr>
        <w:t xml:space="preserve">involved in that. Live your own time, your own age." So actually, I am very conscious of somebody </w:t>
      </w:r>
    </w:p>
    <w:p>
      <w:pPr/>
      <w:r>
        <w:rPr>
          <w:rFonts w:ascii="Helvetica Light" w:hAnsi="Helvetica Light" w:cs="Helvetica Light"/>
          <w:sz w:val="24"/>
          <w:sz-cs w:val="24"/>
        </w:rPr>
        <w:t xml:space="preserve">being young and enjoying it, but I don't really know what it is. To be honest, I don't miss that. I don't </w:t>
      </w:r>
    </w:p>
    <w:p>
      <w:pPr/>
      <w:r>
        <w:rPr>
          <w:rFonts w:ascii="Helvetica Light" w:hAnsi="Helvetica Light" w:cs="Helvetica Light"/>
          <w:sz w:val="24"/>
          <w:sz-cs w:val="24"/>
        </w:rPr>
        <w:t xml:space="preserve">think I miss it. I want somebody else to have i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hen you were in this camp, was there any opportunity, with your brothers or with </w:t>
      </w:r>
    </w:p>
    <w:p>
      <w:pPr/>
      <w:r>
        <w:rPr>
          <w:rFonts w:ascii="Helvetica Light" w:hAnsi="Helvetica Light" w:cs="Helvetica Light"/>
          <w:sz w:val="24"/>
          <w:sz-cs w:val="24"/>
        </w:rPr>
        <w:t xml:space="preserve">any other boys of your own age, to do anything you would have done outside the camp? To have </w:t>
      </w:r>
    </w:p>
    <w:p>
      <w:pPr/>
      <w:r>
        <w:rPr>
          <w:rFonts w:ascii="Helvetica Light" w:hAnsi="Helvetica Light" w:cs="Helvetica Light"/>
          <w:sz w:val="24"/>
          <w:sz-cs w:val="24"/>
        </w:rPr>
        <w:t xml:space="preserve">talked, to have joked, to have shared any kind of child-like experience? Was there any escape among </w:t>
      </w:r>
    </w:p>
    <w:p>
      <w:pPr/>
      <w:r>
        <w:rPr>
          <w:rFonts w:ascii="Helvetica Light" w:hAnsi="Helvetica Light" w:cs="Helvetica Light"/>
          <w:sz w:val="24"/>
          <w:sz-cs w:val="24"/>
        </w:rPr>
        <w:t xml:space="preserve">you?\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there was no such thing. That's the whole thing. There was no such thing. Not </w:t>
      </w:r>
    </w:p>
    <w:p>
      <w:pPr/>
      <w:r>
        <w:rPr>
          <w:rFonts w:ascii="Helvetica Light" w:hAnsi="Helvetica Light" w:cs="Helvetica Light"/>
          <w:sz w:val="24"/>
          <w:sz-cs w:val="24"/>
        </w:rPr>
        <w:t xml:space="preserve">even making a ball out of a rag or something. There was no such thing as playing. I don't know why </w:t>
      </w:r>
    </w:p>
    <w:p>
      <w:pPr/>
      <w:r>
        <w:rPr>
          <w:rFonts w:ascii="Helvetica Light" w:hAnsi="Helvetica Light" w:cs="Helvetica Light"/>
          <w:sz w:val="24"/>
          <w:sz-cs w:val="24"/>
        </w:rPr>
        <w:t xml:space="preserve">there wasn't. I know why, because it wasn't to be. But nobody even tried, because I think that </w:t>
      </w:r>
    </w:p>
    <w:p>
      <w:pPr/>
      <w:r>
        <w:rPr>
          <w:rFonts w:ascii="Helvetica Light" w:hAnsi="Helvetica Light" w:cs="Helvetica Light"/>
          <w:sz w:val="24"/>
          <w:sz-cs w:val="24"/>
        </w:rPr>
        <w:t xml:space="preserve">everybody sensed and felt and knew the terrible thing we were in. And you tried to pitch in and not </w:t>
      </w:r>
    </w:p>
    <w:p>
      <w:pPr/>
      <w:r>
        <w:rPr>
          <w:rFonts w:ascii="Helvetica Light" w:hAnsi="Helvetica Light" w:cs="Helvetica Light"/>
          <w:sz w:val="24"/>
          <w:sz-cs w:val="24"/>
        </w:rPr>
        <w:t xml:space="preserve">make it any worse. People were hungry, and you don't want to cry because some did. Some kids </w:t>
      </w:r>
    </w:p>
    <w:p>
      <w:pPr/>
      <w:r>
        <w:rPr>
          <w:rFonts w:ascii="Helvetica Light" w:hAnsi="Helvetica Light" w:cs="Helvetica Light"/>
          <w:sz w:val="24"/>
          <w:sz-cs w:val="24"/>
        </w:rPr>
        <w:t xml:space="preserve">would cry that, "Mother, you ate more than we did," when she would get something. And that, to </w:t>
      </w:r>
    </w:p>
    <w:p>
      <w:pPr/>
      <w:r>
        <w:rPr>
          <w:rFonts w:ascii="Helvetica Light" w:hAnsi="Helvetica Light" w:cs="Helvetica Light"/>
          <w:sz w:val="24"/>
          <w:sz-cs w:val="24"/>
        </w:rPr>
        <w:t xml:space="preserve">me at that time, it was terrible. How could they say that? She was a woman and she needs to eat. I </w:t>
      </w:r>
    </w:p>
    <w:p>
      <w:pPr/>
      <w:r>
        <w:rPr>
          <w:rFonts w:ascii="Helvetica Light" w:hAnsi="Helvetica Light" w:cs="Helvetica Light"/>
          <w:sz w:val="24"/>
          <w:sz-cs w:val="24"/>
        </w:rPr>
        <w:t xml:space="preserve">couldn't say that and I didn't ever want to say it. I told myself that I would never say it. So, you tried </w:t>
      </w:r>
    </w:p>
    <w:p>
      <w:pPr/>
      <w:r>
        <w:rPr>
          <w:rFonts w:ascii="Helvetica Light" w:hAnsi="Helvetica Light" w:cs="Helvetica Light"/>
          <w:sz w:val="24"/>
          <w:sz-cs w:val="24"/>
        </w:rPr>
        <w:t xml:space="preserve">not to. The food that they gave us was terribl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ere you living there still with your father and brother, even though you were in </w:t>
      </w:r>
    </w:p>
    <w:p>
      <w:pPr/>
      <w:r>
        <w:rPr>
          <w:rFonts w:ascii="Helvetica Light" w:hAnsi="Helvetica Light" w:cs="Helvetica Light"/>
          <w:sz w:val="24"/>
          <w:sz-cs w:val="24"/>
        </w:rPr>
        <w:t xml:space="preserve">separate work detail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yes, we were all living-- but that's true, just at night we would see each other. </w:t>
      </w:r>
    </w:p>
    <w:p>
      <w:pPr/>
      <w:r>
        <w:rPr>
          <w:rFonts w:ascii="Helvetica Light" w:hAnsi="Helvetica Light" w:cs="Helvetica Light"/>
          <w:sz w:val="24"/>
          <w:sz-cs w:val="24"/>
        </w:rPr>
        <w:t xml:space="preserve">We didn't see each other all day. There was nothing to eat. That's the sad part of it. It was terrible. </w:t>
      </w:r>
    </w:p>
    <w:p>
      <w:pPr/>
      <w:r>
        <w:rPr>
          <w:rFonts w:ascii="Helvetica Light" w:hAnsi="Helvetica Light" w:cs="Helvetica Light"/>
          <w:sz w:val="24"/>
          <w:sz-cs w:val="24"/>
        </w:rPr>
        <w:t xml:space="preserve">That was the worst that I remembe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Food was the wors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tab MT:\tab The worst camp period the attitude, everything was just terrible. Adults would </w:t>
      </w:r>
    </w:p>
    <w:p>
      <w:pPr/>
      <w:r>
        <w:rPr>
          <w:rFonts w:ascii="Helvetica Light" w:hAnsi="Helvetica Light" w:cs="Helvetica Light"/>
          <w:sz w:val="24"/>
          <w:sz-cs w:val="24"/>
        </w:rPr>
        <w:t xml:space="preserve">ask for food and they said, "You need food?" and they would call us stinking Polacks, the Ukrainians.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Was there any effort that you know of to try to form some resistance in the camp, or </w:t>
      </w:r>
    </w:p>
    <w:p>
      <w:pPr/>
      <w:r>
        <w:rPr>
          <w:rFonts w:ascii="Helvetica Light" w:hAnsi="Helvetica Light" w:cs="Helvetica Light"/>
          <w:sz w:val="24"/>
          <w:sz-cs w:val="24"/>
        </w:rPr>
        <w:t xml:space="preserve">escap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There was actually, probably it was even actually played down. There was no escape </w:t>
      </w:r>
    </w:p>
    <w:p>
      <w:pPr/>
      <w:r>
        <w:rPr>
          <w:rFonts w:ascii="Helvetica Light" w:hAnsi="Helvetica Light" w:cs="Helvetica Light"/>
          <w:sz w:val="24"/>
          <w:sz-cs w:val="24"/>
        </w:rPr>
        <w:t xml:space="preserve">once you were deep into the enemy's territory. It would have actually have been the worst thing.\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It would have been very dangerou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because later on I became, I guess 12, and was capable, or allowed to go with my </w:t>
      </w:r>
    </w:p>
    <w:p>
      <w:pPr/>
      <w:r>
        <w:rPr>
          <w:rFonts w:ascii="Helvetica Light" w:hAnsi="Helvetica Light" w:cs="Helvetica Light"/>
          <w:sz w:val="24"/>
          <w:sz-cs w:val="24"/>
        </w:rPr>
        <w:t xml:space="preserve">brother to clean out, after bombing, the men would be sent to town to clean up the place and take </w:t>
      </w:r>
    </w:p>
    <w:p>
      <w:pPr/>
      <w:r>
        <w:rPr>
          <w:rFonts w:ascii="Helvetica Light" w:hAnsi="Helvetica Light" w:cs="Helvetica Light"/>
          <w:sz w:val="24"/>
          <w:sz-cs w:val="24"/>
        </w:rPr>
        <w:t xml:space="preserve">unexploded bombs-- some things did not explode and the Germans would hide far away and the </w:t>
      </w:r>
    </w:p>
    <w:p>
      <w:pPr/>
      <w:r>
        <w:rPr>
          <w:rFonts w:ascii="Helvetica Light" w:hAnsi="Helvetica Light" w:cs="Helvetica Light"/>
          <w:sz w:val="24"/>
          <w:sz-cs w:val="24"/>
        </w:rPr>
        <w:t xml:space="preserve">Ukies, and tell you where to dig a hole, where to carry the bomb, where to put it in, drop it in-- the </w:t>
      </w:r>
    </w:p>
    <w:p>
      <w:pPr/>
      <w:r>
        <w:rPr>
          <w:rFonts w:ascii="Helvetica Light" w:hAnsi="Helvetica Light" w:cs="Helvetica Light"/>
          <w:sz w:val="24"/>
          <w:sz-cs w:val="24"/>
        </w:rPr>
        <w:t xml:space="preserve">men would try to put it in carefully, slowly, and then mark it, mark the place. But it was all walking-- </w:t>
      </w:r>
    </w:p>
    <w:p>
      <w:pPr/>
      <w:r>
        <w:rPr>
          <w:rFonts w:ascii="Helvetica Light" w:hAnsi="Helvetica Light" w:cs="Helvetica Light"/>
          <w:sz w:val="24"/>
          <w:sz-cs w:val="24"/>
        </w:rPr>
        <w:t xml:space="preserve">was not somebody takes you.  You walk to town, you walk back. You carried those bombs around </w:t>
      </w:r>
    </w:p>
    <w:p>
      <w:pPr/>
      <w:r>
        <w:rPr>
          <w:rFonts w:ascii="Helvetica Light" w:hAnsi="Helvetica Light" w:cs="Helvetica Light"/>
          <w:sz w:val="24"/>
          <w:sz-cs w:val="24"/>
        </w:rPr>
        <w:t xml:space="preserve">and you don't bury them in the center of the city. You took them far outside the city and bury them.\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his is when you were working with the men?\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So what I am saying is that escape was not even thought of, because there were the </w:t>
      </w:r>
    </w:p>
    <w:p>
      <w:pPr/>
      <w:r>
        <w:rPr>
          <w:rFonts w:ascii="Helvetica Light" w:hAnsi="Helvetica Light" w:cs="Helvetica Light"/>
          <w:sz w:val="24"/>
          <w:sz-cs w:val="24"/>
        </w:rPr>
        <w:t xml:space="preserve">}{\plain \i Hitlerjugend}{\plain . They were young children. They would chase us because my father would try to tell </w:t>
      </w:r>
    </w:p>
    <w:p>
      <w:pPr/>
      <w:r>
        <w:rPr>
          <w:rFonts w:ascii="Helvetica Light" w:hAnsi="Helvetica Light" w:cs="Helvetica Light"/>
          <w:sz w:val="24"/>
          <w:sz-cs w:val="24"/>
        </w:rPr>
        <w:t xml:space="preserve">us a few words in German, }{\plain \i Knochen}{\plain . We would buy }{\plain \i Knochen}{\plain , bones, }{\plain \i Blutwurst}{\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could buy bon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We had money.\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And you were allowed to spend i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My father would say, "Go try the butcher shop and maybe he will sell you some </w:t>
      </w:r>
    </w:p>
    <w:p>
      <w:pPr/>
      <w:r>
        <w:rPr>
          <w:rFonts w:ascii="Helvetica Light" w:hAnsi="Helvetica Light" w:cs="Helvetica Light"/>
          <w:sz w:val="24"/>
          <w:sz-cs w:val="24"/>
        </w:rPr>
        <w:t xml:space="preserve">bone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And you were allowed to do tha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No, you would have to break away from that-- but as a kid it was no big deal, because </w:t>
      </w:r>
    </w:p>
    <w:p>
      <w:pPr/>
      <w:r>
        <w:rPr>
          <w:rFonts w:ascii="Helvetica Light" w:hAnsi="Helvetica Light" w:cs="Helvetica Light"/>
          <w:sz w:val="24"/>
          <w:sz-cs w:val="24"/>
        </w:rPr>
        <w:t xml:space="preserve">kids are sneaks and they can always-- they, I guess, don't pay attention too much to the adults they </w:t>
      </w:r>
    </w:p>
    <w:p>
      <w:pPr/>
      <w:r>
        <w:rPr>
          <w:rFonts w:ascii="Helvetica Light" w:hAnsi="Helvetica Light" w:cs="Helvetica Light"/>
          <w:sz w:val="24"/>
          <w:sz-cs w:val="24"/>
        </w:rPr>
        <w:t xml:space="preserve">watch. So we would break away. But here we had this so we would try to hide that.\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Try to hide the [unclear].\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And of course we looked like scrounges, like bums from the worst.  I mean we never </w:t>
      </w:r>
    </w:p>
    <w:p>
      <w:pPr/>
      <w:r>
        <w:rPr>
          <w:rFonts w:ascii="Helvetica Light" w:hAnsi="Helvetica Light" w:cs="Helvetica Light"/>
          <w:sz w:val="24"/>
          <w:sz-cs w:val="24"/>
        </w:rPr>
        <w:t xml:space="preserve">washed our clothes or anything. Whatever we had was with us.\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JF:\tab You were wearing your own clothes during all this time?\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MT:\tab Yes, whatever it was that we had, yes. I would go-- my brother was older, I would </w:t>
      </w:r>
    </w:p>
    <w:p>
      <w:pPr/>
      <w:r>
        <w:rPr>
          <w:rFonts w:ascii="Helvetica Light" w:hAnsi="Helvetica Light" w:cs="Helvetica Light"/>
          <w:sz w:val="24"/>
          <w:sz-cs w:val="24"/>
        </w:rPr>
        <w:t xml:space="preserve">hold the door to the butcher shop, first we would look to see if there were any people there. If there </w:t>
      </w:r>
    </w:p>
    <w:p>
      <w:pPr/>
      <w:r>
        <w:rPr>
          <w:rFonts w:ascii="Helvetica Light" w:hAnsi="Helvetica Light" w:cs="Helvetica Light"/>
          <w:sz w:val="24"/>
          <w:sz-cs w:val="24"/>
        </w:rPr>
        <w:t xml:space="preserve">was too many people, don't try to get in because you are in trouble. But if there's only one person or </w:t>
      </w:r>
    </w:p>
    <w:p>
      <w:pPr/>
      <w:r>
        <w:rPr>
          <w:rFonts w:ascii="Helvetica Light" w:hAnsi="Helvetica Light" w:cs="Helvetica Light"/>
          <w:sz w:val="24"/>
          <w:sz-cs w:val="24"/>
        </w:rPr>
        <w:t xml:space="preserve">maybe nobody, just the butcher, I open the door and hold it there. He walks in. }{\plain \i Knochen}{\plain , and if the </w:t>
      </w:r>
    </w:p>
    <w:p>
      <w:pPr/>
      <w:r>
        <w:rPr>
          <w:rFonts w:ascii="Helvetica Light" w:hAnsi="Helvetica Light" w:cs="Helvetica Light"/>
          <w:sz w:val="24"/>
          <w:sz-cs w:val="24"/>
        </w:rPr>
        <w:t xml:space="preserve">guy doesn't yell, then I come in also.  If he yells and the door is open then he runs out like a dog. If </w:t>
      </w:r>
    </w:p>
    <w:p>
      <w:pPr/>
      <w:r>
        <w:rPr>
          <w:rFonts w:ascii="Helvetica Light" w:hAnsi="Helvetica Light" w:cs="Helvetica Light"/>
          <w:sz w:val="24"/>
          <w:sz-cs w:val="24"/>
        </w:rPr>
        <w:t xml:space="preserve">he says something, whatever he says, probably "Just a minute," he would take out, would not even </w:t>
      </w:r>
    </w:p>
    <w:p>
      <w:pPr/>
      <w:r>
        <w:rPr>
          <w:rFonts w:ascii="Helvetica Light" w:hAnsi="Helvetica Light" w:cs="Helvetica Light"/>
          <w:sz w:val="24"/>
          <w:sz-cs w:val="24"/>
        </w:rPr>
        <w:t xml:space="preserve">put it in a bag just throw a couple of bones to us. I guess he had to be careful. So we would hide the </w:t>
      </w:r>
    </w:p>
    <w:p>
      <w:pPr/>
      <w:r>
        <w:rPr>
          <w:rFonts w:ascii="Helvetica Light" w:hAnsi="Helvetica Light" w:cs="Helvetica Light"/>
          <w:sz w:val="24"/>
          <w:sz-cs w:val="24"/>
        </w:rPr>
        <w:t xml:space="preserve">bones under the shirt. It was }{\plain \i Knochen}{\plain . Then I go in. Of course when I opened the door I was hiding. </w:t>
      </w:r>
    </w:p>
    <w:p>
      <w:pPr/>
      <w:r>
        <w:rPr>
          <w:rFonts w:ascii="Helvetica Light" w:hAnsi="Helvetica Light" w:cs="Helvetica Light"/>
          <w:sz w:val="24"/>
          <w:sz-cs w:val="24"/>
        </w:rPr>
        <w:t xml:space="preserve">He comes out, "Yes, I got some." Then I go in. }{\plain \i Knochen}{\plain . He gives me a bone. Then my brother </w:t>
      </w:r>
    </w:p>
    <w:p>
      <w:pPr/>
      <w:r>
        <w:rPr>
          <w:rFonts w:ascii="Helvetica Light" w:hAnsi="Helvetica Light" w:cs="Helvetica Light"/>
          <w:sz w:val="24"/>
          <w:sz-cs w:val="24"/>
        </w:rPr>
        <w:t xml:space="preserve">messes up his hair.  Goes in }{\plain \i Knochen}{\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s2\qr\fi720\sl395\tx0\tx0\tqc\tx4320\tqr\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qj\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ard \fi720\sl395\tx0\tx0\tx720\tx1440\tx2160\tx2880\tx3600\tx4320\tx5040\tx5760\tx6480\tx7200\tx7920\tx8640\tx9360 </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plain \par</w:t>
      </w:r>
    </w:p>
    <w:p>
      <w:pPr/>
      <w:r>
        <w:rPr>
          <w:rFonts w:ascii="Helvetica Light" w:hAnsi="Helvetica Light" w:cs="Helvetica Light"/>
          <w:sz w:val="24"/>
          <w:sz-cs w:val="24"/>
        </w:rPr>
        <w:t xml:space="preserve">}\sect \sectd \headery288\footery1323 </w:t>
      </w:r>
    </w:p>
    <w:p>
      <w:pPr/>
      <w:r>
        <w:rPr>
          <w:rFonts w:ascii="Helvetica Light" w:hAnsi="Helvetica Light" w:cs="Helvetica Light"/>
          <w:sz w:val="24"/>
          <w:sz-cs w:val="24"/>
        </w:rPr>
        <w:t xml:space="preserve">{\header \pard \qr\sl0\tx0\tx720\tx1440\tx2160\tx2880\tx3600\tx4320\tx5040\tx5760\tx6480\tx7200\tx7920\tx8640\tx9360 </w:t>
      </w:r>
    </w:p>
    <w:p>
      <w:pPr/>
      <w:r>
        <w:rPr>
          <w:rFonts w:ascii="Helvetica Light" w:hAnsi="Helvetica Light" w:cs="Helvetica Light"/>
          <w:sz w:val="24"/>
          <w:sz-cs w:val="24"/>
        </w:rPr>
        <w:t xml:space="preserve">{\plain }{\plain \i MARIAN TURZANSKI [4-1-\chpgn ]}{\plain \i\fs20 \par }}</w:t>
      </w:r>
    </w:p>
    <w:p>
      <w:pPr/>
      <w:r>
        <w:rPr>
          <w:rFonts w:ascii="Helvetica Light" w:hAnsi="Helvetica Light" w:cs="Helvetica Light"/>
          <w:sz w:val="24"/>
          <w:sz-cs w:val="24"/>
        </w:rPr>
        <w:t xml:space="preserve">{\footer \pard \sl261\tx-156\tx0\tx0\tx720\tx1440\tx2160\tx2880\tx3600\tx4320\tx5040\tx5760\tx6480\tx7200\tx7920\tx8640\tx9360 </w:t>
      </w:r>
    </w:p>
    <w:p>
      <w:pPr/>
      <w:r>
        <w:rPr>
          <w:rFonts w:ascii="Helvetica Light" w:hAnsi="Helvetica Light" w:cs="Helvetica Light"/>
          <w:sz w:val="24"/>
          <w:sz-cs w:val="24"/>
        </w:rPr>
        <w:t xml:space="preserve">{\plain \*\cs1 }{\plain \*\cs1\i From the collection of the Gratz College Holocaust Oral History Archive}{\plain \i\fs20 \par }}</w:t>
      </w:r>
    </w:p>
    <w:p>
      <w:pPr/>
      <w:r>
        <w:rPr>
          <w:rFonts w:ascii="Helvetica Light" w:hAnsi="Helvetica Light" w:cs="Helvetica Light"/>
          <w:sz w:val="24"/>
          <w:sz-cs w:val="24"/>
        </w:rPr>
        <w:t xml:space="preserve">{\*\pnseclvl1\pndec\pnstart1{\pntxta .}}</w:t>
      </w:r>
    </w:p>
    <w:p>
      <w:pPr/>
      <w:r>
        <w:rPr>
          <w:rFonts w:ascii="Helvetica Light" w:hAnsi="Helvetica Light" w:cs="Helvetica Light"/>
          <w:sz w:val="24"/>
          <w:sz-cs w:val="24"/>
        </w:rPr>
        <w:t xml:space="preserve">{\*\pnseclvl2\pnlcltr\pnstart1{\pntxta .}}</w:t>
      </w:r>
    </w:p>
    <w:p>
      <w:pPr/>
      <w:r>
        <w:rPr>
          <w:rFonts w:ascii="Helvetica Light" w:hAnsi="Helvetica Light" w:cs="Helvetica Light"/>
          <w:sz w:val="24"/>
          <w:sz-cs w:val="24"/>
        </w:rPr>
        <w:t xml:space="preserve">{\*\pnseclvl3\pnlcrm\pnstart1{\pntxta .}}</w:t>
      </w:r>
    </w:p>
    <w:p>
      <w:pPr/>
      <w:r>
        <w:rPr>
          <w:rFonts w:ascii="Helvetica Light" w:hAnsi="Helvetica Light" w:cs="Helvetica Light"/>
          <w:sz w:val="24"/>
          <w:sz-cs w:val="24"/>
        </w:rPr>
        <w:t xml:space="preserve">{\*\pnseclvl4\pndec\pnstart1{\pntxtb (}{\pntxta )}}</w:t>
      </w:r>
    </w:p>
    <w:p>
      <w:pPr/>
      <w:r>
        <w:rPr>
          <w:rFonts w:ascii="Helvetica Light" w:hAnsi="Helvetica Light" w:cs="Helvetica Light"/>
          <w:sz w:val="24"/>
          <w:sz-cs w:val="24"/>
        </w:rPr>
        <w:t xml:space="preserve">{\*\pnseclvl5\pnlcltr\pnstart1{\pntxtb (}{\pntxta )}}</w:t>
      </w:r>
    </w:p>
    <w:p>
      <w:pPr/>
      <w:r>
        <w:rPr>
          <w:rFonts w:ascii="Helvetica Light" w:hAnsi="Helvetica Light" w:cs="Helvetica Light"/>
          <w:sz w:val="24"/>
          <w:sz-cs w:val="24"/>
        </w:rPr>
        <w:t xml:space="preserve">{\*\pnseclvl6\pnlcrm\pnstart1{\pntxtb (}{\pntxta )}}</w:t>
      </w:r>
    </w:p>
    <w:p>
      <w:pPr/>
      <w:r>
        <w:rPr>
          <w:rFonts w:ascii="Helvetica Light" w:hAnsi="Helvetica Light" w:cs="Helvetica Light"/>
          <w:sz w:val="24"/>
          <w:sz-cs w:val="24"/>
        </w:rPr>
        <w:t xml:space="preserve">{\*\pnseclvl7\pndec\pnstart1{\pntxta .}}</w:t>
      </w:r>
    </w:p>
    <w:p>
      <w:pPr/>
      <w:r>
        <w:rPr>
          <w:rFonts w:ascii="Helvetica Light" w:hAnsi="Helvetica Light" w:cs="Helvetica Light"/>
          <w:sz w:val="24"/>
          <w:sz-cs w:val="24"/>
        </w:rPr>
        <w:t xml:space="preserve">{\*\pnseclvl8\pnlcltr\pnstart1{\pntxta .}}</w:t>
      </w:r>
    </w:p>
    <w:p>
      <w:pPr/>
      <w:r>
        <w:rPr>
          <w:rFonts w:ascii="Helvetica Light" w:hAnsi="Helvetica Light" w:cs="Helvetica Light"/>
          <w:sz w:val="24"/>
          <w:sz-cs w:val="24"/>
        </w:rPr>
        <w:t xml:space="preserve">{\*\pnseclvl9\pnlcrm\pnstart1}</w:t>
      </w:r>
    </w:p>
    <w:p>
      <w:pPr/>
      <w:r>
        <w:rPr>
          <w:rFonts w:ascii="Helvetica Light" w:hAnsi="Helvetica Light" w:cs="Helvetica Light"/>
          <w:sz w:val="24"/>
          <w:sz-cs w:val="24"/>
        </w:rPr>
        <w:t xml:space="preserve"/>
      </w:r>
    </w:p>
    <w:p>
      <w:pPr/>
      <w:r>
        <w:rPr>
          <w:rFonts w:ascii="Helvetica Light" w:hAnsi="Helvetica Light" w:cs="Helvetica Light"/>
          <w:sz w:val="24"/>
          <w:sz-cs w:val="24"/>
        </w:rPr>
        <w:t xml:space="preserve">\pard \sl393\tx0\tx0\tx720\tx1440\tx2160\tx2880\tx3600\tx4320\tx5040\tx5760\tx6480\tx7200\tx7920\tx8640\tx9360 </w:t>
      </w:r>
    </w:p>
    <w:p>
      <w:pPr/>
      <w:r>
        <w:rPr>
          <w:rFonts w:ascii="Helvetica Light" w:hAnsi="Helvetica Light" w:cs="Helvetica Light"/>
          <w:sz w:val="24"/>
          <w:sz-cs w:val="24"/>
        </w:rPr>
        <w:t xml:space="preserve">{\plain }{\plain \i Tape four, side one:}{\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So your brother and you would alternate going in and asking for bones and if there </w:t>
      </w:r>
    </w:p>
    <w:p>
      <w:pPr/>
      <w:r>
        <w:rPr>
          <w:rFonts w:ascii="Helvetica Light" w:hAnsi="Helvetica Light" w:cs="Helvetica Light"/>
          <w:sz w:val="24"/>
          <w:sz-cs w:val="24"/>
        </w:rPr>
        <w:t xml:space="preserve">were more than two boy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 and then we tried-- and he knew that. Because he would recognize, anybody </w:t>
      </w:r>
    </w:p>
    <w:p>
      <w:pPr/>
      <w:r>
        <w:rPr>
          <w:rFonts w:ascii="Helvetica Light" w:hAnsi="Helvetica Light" w:cs="Helvetica Light"/>
          <w:sz w:val="24"/>
          <w:sz-cs w:val="24"/>
        </w:rPr>
        <w:t xml:space="preserve">would recognize, but you were so hungry and so anxious, and here's a person who was willing to </w:t>
      </w:r>
    </w:p>
    <w:p>
      <w:pPr/>
      <w:r>
        <w:rPr>
          <w:rFonts w:ascii="Helvetica Light" w:hAnsi="Helvetica Light" w:cs="Helvetica Light"/>
          <w:sz w:val="24"/>
          <w:sz-cs w:val="24"/>
        </w:rPr>
        <w:t xml:space="preserve">give you something, so you keep on going, and so we just keep on switching, and going in and </w:t>
      </w:r>
    </w:p>
    <w:p>
      <w:pPr/>
      <w:r>
        <w:rPr>
          <w:rFonts w:ascii="Helvetica Light" w:hAnsi="Helvetica Light" w:cs="Helvetica Light"/>
          <w:sz w:val="24"/>
          <w:sz-cs w:val="24"/>
        </w:rPr>
        <w:t xml:space="preserve">changing our-- take off the jacket and put the jacket on, mess up your hair-- there was no </w:t>
      </w:r>
    </w:p>
    <w:p>
      <w:pPr/>
      <w:r>
        <w:rPr>
          <w:rFonts w:ascii="Helvetica Light" w:hAnsi="Helvetica Light" w:cs="Helvetica Light"/>
          <w:sz w:val="24"/>
          <w:sz-cs w:val="24"/>
        </w:rPr>
        <w:t xml:space="preserve">makeup. Finally he yells, "Enough." I imagine. "}{\plain \i Heraus}{\plain ." [Get out]. That word we knew. So we </w:t>
      </w:r>
    </w:p>
    <w:p>
      <w:pPr/>
      <w:r>
        <w:rPr>
          <w:rFonts w:ascii="Helvetica Light" w:hAnsi="Helvetica Light" w:cs="Helvetica Light"/>
          <w:sz w:val="24"/>
          <w:sz-cs w:val="24"/>
        </w:rPr>
        <w:t xml:space="preserve">get out and we go to the next, look around the next butcher shop. Then we need }{\plain \i Blutwurst}{\plain . </w:t>
      </w:r>
    </w:p>
    <w:p>
      <w:pPr/>
      <w:r>
        <w:rPr>
          <w:rFonts w:ascii="Helvetica Light" w:hAnsi="Helvetica Light" w:cs="Helvetica Light"/>
          <w:sz w:val="24"/>
          <w:sz-cs w:val="24"/>
        </w:rPr>
        <w:t xml:space="preserve">That\'92s only two things we could buy; }{\plain \i Knochen}{\plain  and }{\plain \i Blutwurst}{\plain . }{\plain \i Wurst}{\plain  made out of blood. </w:t>
      </w:r>
    </w:p>
    <w:p>
      <w:pPr/>
      <w:r>
        <w:rPr>
          <w:rFonts w:ascii="Helvetica Light" w:hAnsi="Helvetica Light" w:cs="Helvetica Light"/>
          <w:sz w:val="24"/>
          <w:sz-cs w:val="24"/>
        </w:rPr>
        <w:t xml:space="preserve">Delicious if you could get it. So they would give us a piece of }{\plain \i Blutwurst}{\plain , the kind ones, usually </w:t>
      </w:r>
    </w:p>
    <w:p>
      <w:pPr/>
      <w:r>
        <w:rPr>
          <w:rFonts w:ascii="Helvetica Light" w:hAnsi="Helvetica Light" w:cs="Helvetica Light"/>
          <w:sz w:val="24"/>
          <w:sz-cs w:val="24"/>
        </w:rPr>
        <w:t xml:space="preserve">the older ones, not the younger ones, older butcher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Did they know you were Polish?\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Oh, yes, yes. It was hard to get that. That's the whole thing. Sometimes we got </w:t>
      </w:r>
    </w:p>
    <w:p>
      <w:pPr/>
      <w:r>
        <w:rPr>
          <w:rFonts w:ascii="Helvetica Light" w:hAnsi="Helvetica Light" w:cs="Helvetica Light"/>
          <w:sz w:val="24"/>
          <w:sz-cs w:val="24"/>
        </w:rPr>
        <w:t xml:space="preserve">some, sometimes we didn'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Were you ever caught by the Ukrainian guards for sneaking i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no, bu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ow long were you working with your mother and the wome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I would say about, almost the whole time except maybe the last two months of </w:t>
      </w:r>
    </w:p>
    <w:p>
      <w:pPr/>
      <w:r>
        <w:rPr>
          <w:rFonts w:ascii="Helvetica Light" w:hAnsi="Helvetica Light" w:cs="Helvetica Light"/>
          <w:sz w:val="24"/>
          <w:sz-cs w:val="24"/>
        </w:rPr>
        <w:t xml:space="preserve">captivity, I was allowed to go with my brother. I think we were in a camp about a year and a half.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 were in this last camp? Or the whole of it?\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 the whole thing. I think the last two or three months I was working with my </w:t>
      </w:r>
    </w:p>
    <w:p>
      <w:pPr/>
      <w:r>
        <w:rPr>
          <w:rFonts w:ascii="Helvetica Light" w:hAnsi="Helvetica Light" w:cs="Helvetica Light"/>
          <w:sz w:val="24"/>
          <w:sz-cs w:val="24"/>
        </w:rPr>
        <w:t xml:space="preserve">brother.\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Once you were 12?\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Yes.\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How did it feel to switch over to the men's battalio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There was no feeling anymore. I think all of the feeling was removed. There was </w:t>
      </w:r>
    </w:p>
    <w:p>
      <w:pPr/>
      <w:r>
        <w:rPr>
          <w:rFonts w:ascii="Helvetica Light" w:hAnsi="Helvetica Light" w:cs="Helvetica Light"/>
          <w:sz w:val="24"/>
          <w:sz-cs w:val="24"/>
        </w:rPr>
        <w:t xml:space="preserve">no transition. No big deal. Except I knew that my responsibility now was to get something for the </w:t>
      </w:r>
    </w:p>
    <w:p>
      <w:pPr/>
      <w:r>
        <w:rPr>
          <w:rFonts w:ascii="Helvetica Light" w:hAnsi="Helvetica Light" w:cs="Helvetica Light"/>
          <w:sz w:val="24"/>
          <w:sz-cs w:val="24"/>
        </w:rPr>
        <w:t xml:space="preserve">family. To bring something in. To cheat as much as I can, to sneak away from the work force and </w:t>
      </w:r>
    </w:p>
    <w:p>
      <w:pPr/>
      <w:r>
        <w:rPr>
          <w:rFonts w:ascii="Helvetica Light" w:hAnsi="Helvetica Light" w:cs="Helvetica Light"/>
          <w:sz w:val="24"/>
          <w:sz-cs w:val="24"/>
        </w:rPr>
        <w:t xml:space="preserve">to buy something. We had money, but we used that money instead of toilet paper, just to get </w:t>
      </w:r>
    </w:p>
    <w:p>
      <w:pPr/>
      <w:r>
        <w:rPr>
          <w:rFonts w:ascii="Helvetica Light" w:hAnsi="Helvetica Light" w:cs="Helvetica Light"/>
          <w:sz w:val="24"/>
          <w:sz-cs w:val="24"/>
        </w:rPr>
        <w:t xml:space="preserve">eve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The Polish-- the money you had was Hungarian mone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But it was changed into German }{\plain \i Marks}{\plain .\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But you used it anywa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But we used it because we didn't want them to get it. It was on purpose. It gave us </w:t>
      </w:r>
    </w:p>
    <w:p>
      <w:pPr/>
      <w:r>
        <w:rPr>
          <w:rFonts w:ascii="Helvetica Light" w:hAnsi="Helvetica Light" w:cs="Helvetica Light"/>
          <w:sz w:val="24"/>
          <w:sz-cs w:val="24"/>
        </w:rPr>
        <w:t xml:space="preserve">tremendous feeling to use the German }{\plain \i Marks}{\plain  for toilet paper. There was no toilet paper anyway. </w:t>
      </w:r>
    </w:p>
    <w:p>
      <w:pPr/>
      <w:r>
        <w:rPr>
          <w:rFonts w:ascii="Helvetica Light" w:hAnsi="Helvetica Light" w:cs="Helvetica Light"/>
          <w:sz w:val="24"/>
          <w:sz-cs w:val="24"/>
        </w:rPr>
        <w:t xml:space="preserve">But to use that and just destroy it. There was nothing we could buy.\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JF:\tab You've mentioned several things, so-called small things, but things that gave you a </w:t>
      </w:r>
    </w:p>
    <w:p>
      <w:pPr/>
      <w:r>
        <w:rPr>
          <w:rFonts w:ascii="Helvetica Light" w:hAnsi="Helvetica Light" w:cs="Helvetica Light"/>
          <w:sz w:val="24"/>
          <w:sz-cs w:val="24"/>
        </w:rPr>
        <w:t xml:space="preserve">good feeling that somehow you were getting back or outsmarting the system.  Were there any </w:t>
      </w:r>
    </w:p>
    <w:p>
      <w:pPr/>
      <w:r>
        <w:rPr>
          <w:rFonts w:ascii="Helvetica Light" w:hAnsi="Helvetica Light" w:cs="Helvetica Light"/>
          <w:sz w:val="24"/>
          <w:sz-cs w:val="24"/>
        </w:rPr>
        <w:t xml:space="preserve">other instances like that that gave you a little boost, sort of an opportunity to give vent to some of </w:t>
      </w:r>
    </w:p>
    <w:p>
      <w:pPr/>
      <w:r>
        <w:rPr>
          <w:rFonts w:ascii="Helvetica Light" w:hAnsi="Helvetica Light" w:cs="Helvetica Light"/>
          <w:sz w:val="24"/>
          <w:sz-cs w:val="24"/>
        </w:rPr>
        <w:t xml:space="preserve">your anger and frustration?\par</w:t>
      </w:r>
    </w:p>
    <w:p>
      <w:pPr/>
      <w:r>
        <w:rPr>
          <w:rFonts w:ascii="Helvetica Light" w:hAnsi="Helvetica Light" w:cs="Helvetica Light"/>
          <w:sz w:val="24"/>
          <w:sz-cs w:val="24"/>
        </w:rPr>
        <w:t xml:space="preserve">}\pard \fi720\sl393\tx0\tx0\tx720\tx1440\tx2160\tx2880\tx3600\tx4320\tx5040\tx5760\tx6480\tx7200\tx7920\tx8640\tx9360 </w:t>
      </w:r>
    </w:p>
    <w:p>
      <w:pPr/>
      <w:r>
        <w:rPr>
          <w:rFonts w:ascii="Helvetica Light" w:hAnsi="Helvetica Light" w:cs="Helvetica Light"/>
          <w:sz w:val="24"/>
          <w:sz-cs w:val="24"/>
        </w:rPr>
        <w:t xml:space="preserve">{\plain MT:\tab Not really. Because when things later on started to happen, when we were being </w:t>
      </w:r>
    </w:p>
    <w:p>
      <w:pPr/>
      <w:r>
        <w:rPr>
          <w:rFonts w:ascii="Helvetica Light" w:hAnsi="Helvetica Light" w:cs="Helvetica Light"/>
          <w:sz w:val="24"/>
          <w:sz-cs w:val="24"/>
        </w:rPr>
        <w:t xml:space="preserve">lib</w:t>
      </w:r>
    </w:p>
    <w:sectPr/>
  </w:body>
</w:document>
</file>

<file path=word/_rels/document.xml.rels><?xml version="1.0" encoding="UTF-8" standalone="yes"?>
<Relationships xmlns="http://schemas.openxmlformats.org/package/2006/relationships"><Relationship Id="rId1" Type="http://schemas.openxmlformats.org/officeDocument/2006/relationships/customXml" Target="../docProps/meta.xml"/><Relationship Id="rId2" Type="http://schemas.openxmlformats.org/officeDocument/2006/relationships/theme" Target="theme/theme1.xml"/></Relationships>
</file>

<file path=word/theme/theme1.xml><?xml version="1.0" encoding="utf-8"?>
<a:theme xmlns:a="http://schemas.openxmlformats.org/drawingml/2006/main" name="Default Theme">
  <a:themeElements>
    <a:clrScheme name="Default">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Default">
      <a:majorFont>
        <a:latin typeface="Times New Roman"/>
        <a:ea typeface=""/>
        <a:cs typeface=""/>
      </a:majorFont>
      <a:minorFont>
        <a:latin typeface="Times New Roman"/>
        <a:ea typeface=""/>
        <a:cs typeface=""/>
      </a:minorFont>
    </a:fontScheme>
    <a:fmtScheme name="Default">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file>

<file path=docProps/meta.xml><?xml version="1.0" encoding="utf-8"?>
<meta xmlns="http://schemas.apple.com/cocoa/2006/metadata">
  <generator>CocoaOOXMLWriter/1504.83</generator>
</meta>
</file>